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587\012_kikaku\02_常用\76_地域包括ケア･在宅医療推進\H31(2019)\様式周知\"/>
    </mc:Choice>
  </mc:AlternateContent>
  <bookViews>
    <workbookView xWindow="0" yWindow="0" windowWidth="20490" windowHeight="9080"/>
  </bookViews>
  <sheets>
    <sheet name="原本（手書き用）" sheetId="7" r:id="rId1"/>
    <sheet name="原本（PC入力用）" sheetId="8" r:id="rId2"/>
    <sheet name="原本（PC入力用記入例）" sheetId="9" r:id="rId3"/>
  </sheets>
  <definedNames>
    <definedName name="_xlnm.Print_Area" localSheetId="1">'原本（PC入力用）'!$A$1:$AJ$54</definedName>
    <definedName name="_xlnm.Print_Area" localSheetId="2">'原本（PC入力用記入例）'!$A$1:$AJ$54</definedName>
    <definedName name="_xlnm.Print_Area" localSheetId="0">'原本（手書き用）'!$A$1:$AJ$54</definedName>
  </definedNames>
  <calcPr calcId="152511"/>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authors>
    <author>Windows ユーザー</author>
  </authors>
  <commentList>
    <comment ref="O9" authorId="0" shapeId="0">
      <text>
        <r>
          <rPr>
            <b/>
            <sz val="9"/>
            <color indexed="10"/>
            <rFont val="ＭＳ Ｐゴシック"/>
            <family val="3"/>
            <charset val="128"/>
          </rPr>
          <t>以下、緑色のセルは、プルダウンから選択できます。</t>
        </r>
      </text>
    </comment>
    <comment ref="A11" authorId="0" shapeId="0">
      <text>
        <r>
          <rPr>
            <b/>
            <sz val="9"/>
            <color indexed="10"/>
            <rFont val="ＭＳ Ｐゴシック"/>
            <family val="3"/>
            <charset val="128"/>
          </rPr>
          <t>主な連絡先を２か所まで記入</t>
        </r>
      </text>
    </comment>
    <comment ref="W21" authorId="0" shapeId="0">
      <text>
        <r>
          <rPr>
            <b/>
            <sz val="9"/>
            <color indexed="10"/>
            <rFont val="ＭＳ Ｐゴシック"/>
            <family val="3"/>
            <charset val="128"/>
          </rPr>
          <t>入院前時点で利用していたサービスの名称・頻度（週〇回・月〇回etc.）を記入。
なお、居宅サービス計画書（３）を添付することで記入を省略することも可能。</t>
        </r>
      </text>
    </comment>
    <comment ref="F26" authorId="0" shapeId="0">
      <text>
        <r>
          <rPr>
            <b/>
            <sz val="9"/>
            <color indexed="10"/>
            <rFont val="ＭＳ Ｐゴシック"/>
            <family val="3"/>
            <charset val="128"/>
          </rPr>
          <t>自立支援医療証（更生・精神通院）</t>
        </r>
      </text>
    </comment>
    <comment ref="L26" authorId="0" shapeId="0">
      <text>
        <r>
          <rPr>
            <b/>
            <sz val="9"/>
            <color indexed="10"/>
            <rFont val="ＭＳ Ｐゴシック"/>
            <family val="3"/>
            <charset val="128"/>
          </rPr>
          <t>心身障害者医療証</t>
        </r>
      </text>
    </comment>
    <comment ref="P26" authorId="0" shapeId="0">
      <text>
        <r>
          <rPr>
            <b/>
            <sz val="9"/>
            <color indexed="10"/>
            <rFont val="ＭＳ Ｐゴシック"/>
            <family val="3"/>
            <charset val="128"/>
          </rPr>
          <t>特定医療費（指定難病）医療受給者証</t>
        </r>
      </text>
    </comment>
    <comment ref="T26" authorId="0" shapeId="0">
      <text>
        <r>
          <rPr>
            <b/>
            <sz val="9"/>
            <color indexed="10"/>
            <rFont val="ＭＳ Ｐゴシック"/>
            <family val="3"/>
            <charset val="128"/>
          </rPr>
          <t>特定疾病療養受療証</t>
        </r>
      </text>
    </comment>
    <comment ref="Y35" authorId="0" shapeId="0">
      <text>
        <r>
          <rPr>
            <b/>
            <sz val="9"/>
            <color indexed="10"/>
            <rFont val="ＭＳ Ｐゴシック"/>
            <family val="3"/>
            <charset val="128"/>
          </rPr>
          <t>睡眠導入剤、向精神薬などの服薬状況</t>
        </r>
      </text>
    </comment>
    <comment ref="Z36" authorId="0" shapeId="0">
      <text>
        <r>
          <rPr>
            <b/>
            <sz val="9"/>
            <color indexed="10"/>
            <rFont val="ＭＳ Ｐゴシック"/>
            <family val="3"/>
            <charset val="128"/>
          </rPr>
          <t>認知症の状況や診断内容など特記事項を記入</t>
        </r>
      </text>
    </comment>
    <comment ref="AB37" authorId="0" shapeId="0">
      <text>
        <r>
          <rPr>
            <b/>
            <sz val="9"/>
            <color indexed="10"/>
            <rFont val="ＭＳ Ｐゴシック"/>
            <family val="3"/>
            <charset val="128"/>
          </rPr>
          <t>診断した医療機関名、現在の受診状況など特記事項を記入</t>
        </r>
      </text>
    </comment>
    <comment ref="Z38" authorId="0" shapeId="0">
      <text>
        <r>
          <rPr>
            <b/>
            <sz val="9"/>
            <color indexed="10"/>
            <rFont val="ＭＳ Ｐゴシック"/>
            <family val="3"/>
            <charset val="128"/>
          </rPr>
          <t>診断内容や対応など特記事項を記入</t>
        </r>
      </text>
    </comment>
    <comment ref="A44" authorId="0" shapeId="0">
      <text>
        <r>
          <rPr>
            <b/>
            <sz val="9"/>
            <color indexed="10"/>
            <rFont val="ＭＳ Ｐゴシック"/>
            <family val="3"/>
            <charset val="128"/>
          </rPr>
          <t>入院前と比べて状態が悪化した場合を想定して記入</t>
        </r>
      </text>
    </comment>
    <comment ref="A45" authorId="0" shapeId="0">
      <text>
        <r>
          <rPr>
            <b/>
            <sz val="9"/>
            <color indexed="10"/>
            <rFont val="ＭＳ Ｐゴシック"/>
            <family val="3"/>
            <charset val="128"/>
          </rPr>
          <t>今回の入院前の希望・意向などを記入</t>
        </r>
      </text>
    </comment>
    <comment ref="S45" authorId="0" shapeId="0">
      <text>
        <r>
          <rPr>
            <b/>
            <sz val="9"/>
            <color indexed="10"/>
            <rFont val="ＭＳ Ｐゴシック"/>
            <family val="3"/>
            <charset val="128"/>
          </rPr>
          <t>今回の入院前の希望・意向などを記入</t>
        </r>
      </text>
    </comment>
    <comment ref="A48" authorId="0" shapeId="0">
      <text>
        <r>
          <rPr>
            <b/>
            <sz val="9"/>
            <color indexed="10"/>
            <rFont val="ＭＳ Ｐゴシック"/>
            <family val="3"/>
            <charset val="128"/>
          </rPr>
          <t>該当する医療的処置を、選択肢の上位の項目から順に選んでください。
（例：①インシュリン注射→②膀胱留置カテーテル→③中心静脈栄養・・・）</t>
        </r>
      </text>
    </comment>
    <comment ref="A50" authorId="0" shapeId="0">
      <text>
        <r>
          <rPr>
            <b/>
            <sz val="9"/>
            <color indexed="10"/>
            <rFont val="ＭＳ Ｐゴシック"/>
            <family val="3"/>
            <charset val="128"/>
          </rPr>
          <t>食物・薬・花粉・喘息・造影剤・消毒液・金属・麻酔・ラテックスなど、分かる場合は記入</t>
        </r>
      </text>
    </comment>
    <comment ref="A51" authorId="0" shapeId="0">
      <text>
        <r>
          <rPr>
            <b/>
            <sz val="9"/>
            <color indexed="10"/>
            <rFont val="ＭＳ Ｐゴシック"/>
            <family val="3"/>
            <charset val="128"/>
          </rPr>
          <t>退院に当たっての留意事項等、情報共有すべき事項を記入</t>
        </r>
      </text>
    </comment>
  </commentList>
</comments>
</file>

<file path=xl/sharedStrings.xml><?xml version="1.0" encoding="utf-8"?>
<sst xmlns="http://schemas.openxmlformats.org/spreadsheetml/2006/main" count="1189" uniqueCount="613">
  <si>
    <t>入院時情報提供書</t>
    <rPh sb="0" eb="2">
      <t>ニュウイン</t>
    </rPh>
    <rPh sb="2" eb="3">
      <t>ジ</t>
    </rPh>
    <rPh sb="3" eb="5">
      <t>ジョウホウ</t>
    </rPh>
    <rPh sb="5" eb="7">
      <t>テイキョウ</t>
    </rPh>
    <rPh sb="7" eb="8">
      <t>ショ</t>
    </rPh>
    <phoneticPr fontId="2"/>
  </si>
  <si>
    <t>病院</t>
    <rPh sb="0" eb="2">
      <t>ビョウイン</t>
    </rPh>
    <phoneticPr fontId="2"/>
  </si>
  <si>
    <t>事業者名</t>
    <rPh sb="0" eb="2">
      <t>ジギョウ</t>
    </rPh>
    <rPh sb="2" eb="3">
      <t>シャ</t>
    </rPh>
    <rPh sb="3" eb="4">
      <t>メイ</t>
    </rPh>
    <phoneticPr fontId="2"/>
  </si>
  <si>
    <t>TEL</t>
    <phoneticPr fontId="2"/>
  </si>
  <si>
    <t>FAX</t>
    <phoneticPr fontId="2"/>
  </si>
  <si>
    <t>様</t>
    <rPh sb="0" eb="1">
      <t>サマ</t>
    </rPh>
    <phoneticPr fontId="2"/>
  </si>
  <si>
    <t>携帯電話</t>
    <rPh sb="0" eb="2">
      <t>ケイタイ</t>
    </rPh>
    <rPh sb="2" eb="4">
      <t>デンワ</t>
    </rPh>
    <phoneticPr fontId="2"/>
  </si>
  <si>
    <t>担当者名</t>
    <rPh sb="0" eb="3">
      <t>タントウシャ</t>
    </rPh>
    <rPh sb="3" eb="4">
      <t>メイ</t>
    </rPh>
    <phoneticPr fontId="2"/>
  </si>
  <si>
    <t>入院日</t>
    <rPh sb="0" eb="2">
      <t>ニュウイン</t>
    </rPh>
    <rPh sb="2" eb="3">
      <t>ビ</t>
    </rPh>
    <phoneticPr fontId="2"/>
  </si>
  <si>
    <t>年</t>
    <rPh sb="0" eb="1">
      <t>ネン</t>
    </rPh>
    <phoneticPr fontId="2"/>
  </si>
  <si>
    <t>月</t>
    <rPh sb="0" eb="1">
      <t>ツキ</t>
    </rPh>
    <phoneticPr fontId="2"/>
  </si>
  <si>
    <t>日</t>
    <rPh sb="0" eb="1">
      <t>ヒ</t>
    </rPh>
    <phoneticPr fontId="2"/>
  </si>
  <si>
    <t>情報提供日</t>
    <rPh sb="0" eb="2">
      <t>ジョウホウ</t>
    </rPh>
    <rPh sb="2" eb="4">
      <t>テイキョウ</t>
    </rPh>
    <rPh sb="4" eb="5">
      <t>ビ</t>
    </rPh>
    <phoneticPr fontId="2"/>
  </si>
  <si>
    <t>フリガナ</t>
    <phoneticPr fontId="2"/>
  </si>
  <si>
    <t>生年</t>
    <rPh sb="0" eb="2">
      <t>セイネン</t>
    </rPh>
    <phoneticPr fontId="2"/>
  </si>
  <si>
    <t>M</t>
    <phoneticPr fontId="2"/>
  </si>
  <si>
    <t>T</t>
    <phoneticPr fontId="2"/>
  </si>
  <si>
    <t>S</t>
    <phoneticPr fontId="2"/>
  </si>
  <si>
    <t>住所</t>
    <rPh sb="0" eb="1">
      <t>ジュウ</t>
    </rPh>
    <rPh sb="1" eb="2">
      <t>ショ</t>
    </rPh>
    <phoneticPr fontId="2"/>
  </si>
  <si>
    <t>氏　　　名</t>
    <rPh sb="0" eb="1">
      <t>シ</t>
    </rPh>
    <rPh sb="4" eb="5">
      <t>メイ</t>
    </rPh>
    <phoneticPr fontId="2"/>
  </si>
  <si>
    <t>月日</t>
    <rPh sb="0" eb="2">
      <t>ガッピ</t>
    </rPh>
    <phoneticPr fontId="2"/>
  </si>
  <si>
    <t>歳</t>
    <rPh sb="0" eb="1">
      <t>サイ</t>
    </rPh>
    <phoneticPr fontId="2"/>
  </si>
  <si>
    <t>緊 急 連 絡 先</t>
    <rPh sb="0" eb="1">
      <t>ミシト</t>
    </rPh>
    <rPh sb="2" eb="3">
      <t>キュウ</t>
    </rPh>
    <rPh sb="4" eb="5">
      <t>レン</t>
    </rPh>
    <rPh sb="6" eb="7">
      <t>ラク</t>
    </rPh>
    <rPh sb="8" eb="9">
      <t>サキ</t>
    </rPh>
    <phoneticPr fontId="2"/>
  </si>
  <si>
    <t>①</t>
    <phoneticPr fontId="2"/>
  </si>
  <si>
    <t>）</t>
    <phoneticPr fontId="2"/>
  </si>
  <si>
    <t>TEL</t>
    <phoneticPr fontId="2"/>
  </si>
  <si>
    <t>住所</t>
    <rPh sb="0" eb="2">
      <t>ジュウショ</t>
    </rPh>
    <phoneticPr fontId="2"/>
  </si>
  <si>
    <t>Tel</t>
    <phoneticPr fontId="2"/>
  </si>
  <si>
    <t>家族構成</t>
    <rPh sb="0" eb="2">
      <t>カゾク</t>
    </rPh>
    <rPh sb="2" eb="4">
      <t>コウセイ</t>
    </rPh>
    <phoneticPr fontId="2"/>
  </si>
  <si>
    <t>□男性○女性（年齢）　罫線で結ぶ　同居を○</t>
    <rPh sb="1" eb="3">
      <t>ダンセイ</t>
    </rPh>
    <rPh sb="4" eb="6">
      <t>ジョセイ</t>
    </rPh>
    <rPh sb="7" eb="9">
      <t>ネンレイ</t>
    </rPh>
    <rPh sb="11" eb="13">
      <t>ケイセン</t>
    </rPh>
    <rPh sb="14" eb="15">
      <t>ムス</t>
    </rPh>
    <rPh sb="17" eb="19">
      <t>ドウキョ</t>
    </rPh>
    <phoneticPr fontId="2"/>
  </si>
  <si>
    <t>本人は◎</t>
    <rPh sb="0" eb="1">
      <t>モト</t>
    </rPh>
    <rPh sb="1" eb="2">
      <t>ニン</t>
    </rPh>
    <phoneticPr fontId="2"/>
  </si>
  <si>
    <t>（連絡先）</t>
    <rPh sb="1" eb="4">
      <t>レンラクサキ</t>
    </rPh>
    <phoneticPr fontId="2"/>
  </si>
  <si>
    <t>　</t>
    <phoneticPr fontId="2"/>
  </si>
  <si>
    <t>介　護　保　険</t>
    <rPh sb="0" eb="1">
      <t>カイ</t>
    </rPh>
    <rPh sb="2" eb="3">
      <t>マモル</t>
    </rPh>
    <rPh sb="4" eb="5">
      <t>タモツ</t>
    </rPh>
    <rPh sb="6" eb="7">
      <t>ケン</t>
    </rPh>
    <phoneticPr fontId="2"/>
  </si>
  <si>
    <t>要支援　１　・　２　</t>
    <rPh sb="0" eb="1">
      <t>ヨウ</t>
    </rPh>
    <rPh sb="1" eb="3">
      <t>シエン</t>
    </rPh>
    <phoneticPr fontId="2"/>
  </si>
  <si>
    <t>生保</t>
    <rPh sb="0" eb="2">
      <t>セイホ</t>
    </rPh>
    <phoneticPr fontId="2"/>
  </si>
  <si>
    <t>サービス利用</t>
    <rPh sb="4" eb="6">
      <t>リヨウ</t>
    </rPh>
    <phoneticPr fontId="2"/>
  </si>
  <si>
    <t>要介護　１　・　２　・　３　・　４　・　５</t>
    <rPh sb="0" eb="1">
      <t>ヨウ</t>
    </rPh>
    <rPh sb="1" eb="3">
      <t>カイゴ</t>
    </rPh>
    <phoneticPr fontId="2"/>
  </si>
  <si>
    <t>受給</t>
    <rPh sb="0" eb="2">
      <t>ジュキュウ</t>
    </rPh>
    <phoneticPr fontId="2"/>
  </si>
  <si>
    <t>担当：</t>
    <rPh sb="0" eb="2">
      <t>タントウ</t>
    </rPh>
    <phoneticPr fontId="2"/>
  </si>
  <si>
    <t>保　険　情　報</t>
    <rPh sb="0" eb="1">
      <t>タモツ</t>
    </rPh>
    <rPh sb="2" eb="3">
      <t>ケン</t>
    </rPh>
    <rPh sb="4" eb="5">
      <t>ジョウ</t>
    </rPh>
    <rPh sb="6" eb="7">
      <t>ホウ</t>
    </rPh>
    <phoneticPr fontId="2"/>
  </si>
  <si>
    <t>介護保険</t>
    <rPh sb="0" eb="2">
      <t>カイゴ</t>
    </rPh>
    <rPh sb="2" eb="4">
      <t>ホケン</t>
    </rPh>
    <phoneticPr fontId="2"/>
  </si>
  <si>
    <t>（</t>
    <phoneticPr fontId="2"/>
  </si>
  <si>
    <t>　)割</t>
    <rPh sb="2" eb="3">
      <t>ワリ</t>
    </rPh>
    <phoneticPr fontId="2"/>
  </si>
  <si>
    <t>国保</t>
    <rPh sb="0" eb="2">
      <t>コクホ</t>
    </rPh>
    <phoneticPr fontId="2"/>
  </si>
  <si>
    <t>後期高齢</t>
    <rPh sb="0" eb="2">
      <t>コウキ</t>
    </rPh>
    <rPh sb="2" eb="4">
      <t>コウレイ</t>
    </rPh>
    <phoneticPr fontId="2"/>
  </si>
  <si>
    <t>社保</t>
    <rPh sb="0" eb="2">
      <t>シャホ</t>
    </rPh>
    <phoneticPr fontId="2"/>
  </si>
  <si>
    <t>【自宅での生活状況】</t>
    <rPh sb="1" eb="3">
      <t>ジタク</t>
    </rPh>
    <rPh sb="5" eb="7">
      <t>セイカツ</t>
    </rPh>
    <rPh sb="7" eb="9">
      <t>ジョウキョウ</t>
    </rPh>
    <phoneticPr fontId="2"/>
  </si>
  <si>
    <t>栄　養</t>
    <rPh sb="0" eb="1">
      <t>エイ</t>
    </rPh>
    <rPh sb="2" eb="3">
      <t>マモル</t>
    </rPh>
    <phoneticPr fontId="2"/>
  </si>
  <si>
    <t>回数</t>
    <rPh sb="0" eb="2">
      <t>カイスウ</t>
    </rPh>
    <phoneticPr fontId="2"/>
  </si>
  <si>
    <t>移　動</t>
    <rPh sb="0" eb="1">
      <t>ワタル</t>
    </rPh>
    <rPh sb="2" eb="3">
      <t>ドウ</t>
    </rPh>
    <phoneticPr fontId="2"/>
  </si>
  <si>
    <t>移　乗</t>
    <rPh sb="0" eb="1">
      <t>ワタル</t>
    </rPh>
    <rPh sb="2" eb="3">
      <t>ジョウ</t>
    </rPh>
    <phoneticPr fontId="2"/>
  </si>
  <si>
    <t>形態</t>
    <rPh sb="0" eb="2">
      <t>ケイタイ</t>
    </rPh>
    <phoneticPr fontId="2"/>
  </si>
  <si>
    <t>方法</t>
    <rPh sb="0" eb="2">
      <t>ホウホウ</t>
    </rPh>
    <phoneticPr fontId="2"/>
  </si>
  <si>
    <t>排　泄</t>
    <rPh sb="0" eb="1">
      <t>ハイ</t>
    </rPh>
    <rPh sb="2" eb="3">
      <t>モレル</t>
    </rPh>
    <phoneticPr fontId="2"/>
  </si>
  <si>
    <t>移動</t>
    <rPh sb="0" eb="2">
      <t>イドウ</t>
    </rPh>
    <phoneticPr fontId="2"/>
  </si>
  <si>
    <t>失禁</t>
    <rPh sb="0" eb="2">
      <t>シッキン</t>
    </rPh>
    <phoneticPr fontId="2"/>
  </si>
  <si>
    <t>清潔</t>
    <rPh sb="0" eb="2">
      <t>セイケツ</t>
    </rPh>
    <phoneticPr fontId="2"/>
  </si>
  <si>
    <t>一般浴 ・ 機械浴 ・ 清拭</t>
    <rPh sb="0" eb="2">
      <t>イッパン</t>
    </rPh>
    <rPh sb="2" eb="3">
      <t>ヨク</t>
    </rPh>
    <rPh sb="6" eb="8">
      <t>キカイ</t>
    </rPh>
    <rPh sb="8" eb="9">
      <t>ヨク</t>
    </rPh>
    <rPh sb="12" eb="14">
      <t>セイシキ</t>
    </rPh>
    <phoneticPr fontId="2"/>
  </si>
  <si>
    <t>睡眠</t>
    <rPh sb="0" eb="2">
      <t>スイミン</t>
    </rPh>
    <phoneticPr fontId="2"/>
  </si>
  <si>
    <t>　良眠　・　不眠　</t>
    <rPh sb="1" eb="3">
      <t>リョウミン</t>
    </rPh>
    <rPh sb="6" eb="8">
      <t>フミン</t>
    </rPh>
    <phoneticPr fontId="2"/>
  </si>
  <si>
    <t>コミュニケーション</t>
    <phoneticPr fontId="2"/>
  </si>
  <si>
    <t>言葉</t>
    <rPh sb="0" eb="2">
      <t>コトバ</t>
    </rPh>
    <phoneticPr fontId="2"/>
  </si>
  <si>
    <t>認知・精神面</t>
    <rPh sb="0" eb="2">
      <t>ニンチ</t>
    </rPh>
    <rPh sb="3" eb="6">
      <t>セイシンメン</t>
    </rPh>
    <phoneticPr fontId="2"/>
  </si>
  <si>
    <t>意思伝達</t>
    <rPh sb="0" eb="2">
      <t>イシ</t>
    </rPh>
    <rPh sb="2" eb="4">
      <t>デンタツ</t>
    </rPh>
    <phoneticPr fontId="2"/>
  </si>
  <si>
    <t>聴覚</t>
    <rPh sb="0" eb="2">
      <t>チョウカク</t>
    </rPh>
    <phoneticPr fontId="2"/>
  </si>
  <si>
    <t>日常生活に　支障なし ・ 支障あり ・ 判断不能</t>
    <rPh sb="0" eb="2">
      <t>ニチジョウ</t>
    </rPh>
    <rPh sb="2" eb="4">
      <t>セイカツ</t>
    </rPh>
    <rPh sb="6" eb="8">
      <t>シショウ</t>
    </rPh>
    <rPh sb="13" eb="15">
      <t>シショウ</t>
    </rPh>
    <rPh sb="20" eb="22">
      <t>ハンダン</t>
    </rPh>
    <rPh sb="22" eb="24">
      <t>フノウ</t>
    </rPh>
    <phoneticPr fontId="2"/>
  </si>
  <si>
    <t>視覚</t>
    <rPh sb="0" eb="2">
      <t>シカク</t>
    </rPh>
    <phoneticPr fontId="2"/>
  </si>
  <si>
    <t>褥瘡</t>
    <rPh sb="0" eb="2">
      <t>ジョクソウ</t>
    </rPh>
    <phoneticPr fontId="2"/>
  </si>
  <si>
    <t>皮膚疾患</t>
    <rPh sb="0" eb="2">
      <t>ヒフ</t>
    </rPh>
    <rPh sb="2" eb="4">
      <t>シッカン</t>
    </rPh>
    <phoneticPr fontId="2"/>
  </si>
  <si>
    <t>□</t>
    <phoneticPr fontId="2"/>
  </si>
  <si>
    <t>★退院が決まり次第連絡をお願い致します。また、退院前カンファレンスを</t>
    <rPh sb="1" eb="3">
      <t>タイイン</t>
    </rPh>
    <rPh sb="4" eb="5">
      <t>キ</t>
    </rPh>
    <rPh sb="7" eb="9">
      <t>シダイ</t>
    </rPh>
    <rPh sb="9" eb="11">
      <t>レンラク</t>
    </rPh>
    <rPh sb="13" eb="14">
      <t>ネガ</t>
    </rPh>
    <rPh sb="15" eb="16">
      <t>イタ</t>
    </rPh>
    <rPh sb="23" eb="25">
      <t>タイイン</t>
    </rPh>
    <rPh sb="25" eb="26">
      <t>マエ</t>
    </rPh>
    <phoneticPr fontId="2"/>
  </si>
  <si>
    <t>行う場合は日時をお知らせくださいますようよろしくお願い致します。</t>
    <rPh sb="5" eb="7">
      <t>ニチジ</t>
    </rPh>
    <rPh sb="9" eb="10">
      <t>シ</t>
    </rPh>
    <rPh sb="25" eb="26">
      <t>ネガ</t>
    </rPh>
    <rPh sb="27" eb="28">
      <t>イタ</t>
    </rPh>
    <phoneticPr fontId="2"/>
  </si>
  <si>
    <t>日中独居</t>
    <rPh sb="0" eb="2">
      <t>ニッチュウ</t>
    </rPh>
    <rPh sb="2" eb="4">
      <t>ドッキョ</t>
    </rPh>
    <phoneticPr fontId="2"/>
  </si>
  <si>
    <t>H</t>
    <phoneticPr fontId="2"/>
  </si>
  <si>
    <t>令和</t>
    <rPh sb="0" eb="2">
      <t>レイワ</t>
    </rPh>
    <phoneticPr fontId="2"/>
  </si>
  <si>
    <t>補聴器有</t>
    <rPh sb="0" eb="3">
      <t>ホチョウキ</t>
    </rPh>
    <rPh sb="3" eb="4">
      <t>アリ</t>
    </rPh>
    <phoneticPr fontId="2"/>
  </si>
  <si>
    <t>眼鏡有</t>
    <rPh sb="0" eb="2">
      <t>メガネ</t>
    </rPh>
    <rPh sb="2" eb="3">
      <t>アリ</t>
    </rPh>
    <phoneticPr fontId="2"/>
  </si>
  <si>
    <t>内服なし</t>
    <rPh sb="0" eb="2">
      <t>ナイフク</t>
    </rPh>
    <phoneticPr fontId="2"/>
  </si>
  <si>
    <t>薬剤管理</t>
    <rPh sb="0" eb="2">
      <t>ヤクザイ</t>
    </rPh>
    <rPh sb="2" eb="4">
      <t>カンリ</t>
    </rPh>
    <phoneticPr fontId="2"/>
  </si>
  <si>
    <t>服薬状況</t>
    <rPh sb="0" eb="2">
      <t>フクヤク</t>
    </rPh>
    <rPh sb="2" eb="4">
      <t>ジョウキョウ</t>
    </rPh>
    <phoneticPr fontId="2"/>
  </si>
  <si>
    <t>悪化時の介護力</t>
    <rPh sb="0" eb="2">
      <t>アッカ</t>
    </rPh>
    <rPh sb="2" eb="3">
      <t>ジ</t>
    </rPh>
    <rPh sb="4" eb="6">
      <t>カイゴ</t>
    </rPh>
    <rPh sb="6" eb="7">
      <t>リョク</t>
    </rPh>
    <phoneticPr fontId="2"/>
  </si>
  <si>
    <t>介護力有（ 十分 ・ 一部 ） ・ 見込めない ・ 支援者がいない</t>
    <rPh sb="0" eb="2">
      <t>カイゴ</t>
    </rPh>
    <rPh sb="2" eb="3">
      <t>リョク</t>
    </rPh>
    <rPh sb="3" eb="4">
      <t>アリ</t>
    </rPh>
    <rPh sb="6" eb="8">
      <t>ジュウブン</t>
    </rPh>
    <rPh sb="11" eb="13">
      <t>イチブ</t>
    </rPh>
    <rPh sb="18" eb="20">
      <t>ミコ</t>
    </rPh>
    <rPh sb="26" eb="29">
      <t>シエンシャ</t>
    </rPh>
    <phoneticPr fontId="2"/>
  </si>
  <si>
    <t>キーパーソンは★　主たる介護者は 主</t>
    <rPh sb="9" eb="10">
      <t>シュ</t>
    </rPh>
    <rPh sb="12" eb="15">
      <t>カイゴシャ</t>
    </rPh>
    <rPh sb="17" eb="18">
      <t>シュ</t>
    </rPh>
    <phoneticPr fontId="2"/>
  </si>
  <si>
    <t>回/日</t>
    <rPh sb="0" eb="1">
      <t>カイ</t>
    </rPh>
    <rPh sb="2" eb="3">
      <t>ニチ</t>
    </rPh>
    <phoneticPr fontId="2"/>
  </si>
  <si>
    <t>医師</t>
    <rPh sb="0" eb="2">
      <t>イシ</t>
    </rPh>
    <phoneticPr fontId="2"/>
  </si>
  <si>
    <t>）</t>
    <phoneticPr fontId="2"/>
  </si>
  <si>
    <t>（</t>
    <phoneticPr fontId="2"/>
  </si>
  <si>
    <t>その他（</t>
    <rPh sb="2" eb="3">
      <t>タ</t>
    </rPh>
    <phoneticPr fontId="2"/>
  </si>
  <si>
    <t>医療的
処置</t>
    <rPh sb="0" eb="3">
      <t>イリョウテキ</t>
    </rPh>
    <rPh sb="4" eb="6">
      <t>ショチ</t>
    </rPh>
    <phoneticPr fontId="2"/>
  </si>
  <si>
    <r>
      <t>その他</t>
    </r>
    <r>
      <rPr>
        <sz val="9"/>
        <rFont val="MS UI Gothic"/>
        <family val="3"/>
        <charset val="128"/>
      </rPr>
      <t>（在宅での生活環境に関する特記事項・課題等）</t>
    </r>
    <rPh sb="2" eb="3">
      <t>タ</t>
    </rPh>
    <rPh sb="4" eb="6">
      <t>ザイタク</t>
    </rPh>
    <rPh sb="8" eb="10">
      <t>セイカツ</t>
    </rPh>
    <rPh sb="10" eb="12">
      <t>カンキョウ</t>
    </rPh>
    <rPh sb="13" eb="14">
      <t>カン</t>
    </rPh>
    <rPh sb="16" eb="18">
      <t>トッキ</t>
    </rPh>
    <rPh sb="18" eb="20">
      <t>ジコウ</t>
    </rPh>
    <rPh sb="21" eb="23">
      <t>カダイ</t>
    </rPh>
    <rPh sb="23" eb="24">
      <t>トウ</t>
    </rPh>
    <phoneticPr fontId="2"/>
  </si>
  <si>
    <t>申請中（</t>
    <rPh sb="0" eb="3">
      <t>シンセイチュウ</t>
    </rPh>
    <phoneticPr fontId="2"/>
  </si>
  <si>
    <t>療育（</t>
    <rPh sb="0" eb="2">
      <t>リョウイク</t>
    </rPh>
    <phoneticPr fontId="2"/>
  </si>
  <si>
    <t>精神（</t>
    <rPh sb="0" eb="2">
      <t>セイシン</t>
    </rPh>
    <phoneticPr fontId="2"/>
  </si>
  <si>
    <t>手帳</t>
    <rPh sb="0" eb="1">
      <t>テ</t>
    </rPh>
    <rPh sb="1" eb="2">
      <t>チョウ</t>
    </rPh>
    <phoneticPr fontId="2"/>
  </si>
  <si>
    <t>：身体（</t>
    <rPh sb="1" eb="3">
      <t>シンタイ</t>
    </rPh>
    <phoneticPr fontId="2"/>
  </si>
  <si>
    <t>）級</t>
    <rPh sb="1" eb="2">
      <t>キュウ</t>
    </rPh>
    <phoneticPr fontId="2"/>
  </si>
  <si>
    <t>医療証・受療証</t>
    <rPh sb="0" eb="1">
      <t>イ</t>
    </rPh>
    <rPh sb="1" eb="2">
      <t>イヤス</t>
    </rPh>
    <rPh sb="2" eb="3">
      <t>ショウ</t>
    </rPh>
    <rPh sb="4" eb="6">
      <t>ジュリョウ</t>
    </rPh>
    <rPh sb="6" eb="7">
      <t>ショウ</t>
    </rPh>
    <phoneticPr fontId="2"/>
  </si>
  <si>
    <t>）②</t>
    <phoneticPr fontId="2"/>
  </si>
  <si>
    <t>/</t>
    <phoneticPr fontId="2"/>
  </si>
  <si>
    <t>付）</t>
    <rPh sb="0" eb="1">
      <t>ヅケ</t>
    </rPh>
    <phoneticPr fontId="2"/>
  </si>
  <si>
    <t>　無　・　有</t>
    <rPh sb="1" eb="2">
      <t>ナシ</t>
    </rPh>
    <rPh sb="5" eb="6">
      <t>ユウ</t>
    </rPh>
    <phoneticPr fontId="2"/>
  </si>
  <si>
    <t>自立 ・ 見守 ・ 一部 ・ 全</t>
    <rPh sb="0" eb="2">
      <t>ジリツ</t>
    </rPh>
    <rPh sb="5" eb="7">
      <t>ミマモ</t>
    </rPh>
    <rPh sb="10" eb="12">
      <t>イチブ</t>
    </rPh>
    <rPh sb="15" eb="16">
      <t>ゼン</t>
    </rPh>
    <phoneticPr fontId="2"/>
  </si>
  <si>
    <r>
      <t>食事</t>
    </r>
    <r>
      <rPr>
        <vertAlign val="superscript"/>
        <sz val="9"/>
        <color theme="1"/>
        <rFont val="MS UI Gothic"/>
        <family val="3"/>
        <charset val="128"/>
      </rPr>
      <t>※</t>
    </r>
    <rPh sb="0" eb="2">
      <t>ショクジ</t>
    </rPh>
    <phoneticPr fontId="2"/>
  </si>
  <si>
    <r>
      <t>排尿</t>
    </r>
    <r>
      <rPr>
        <vertAlign val="superscript"/>
        <sz val="9"/>
        <color theme="1"/>
        <rFont val="MS UI Gothic"/>
        <family val="3"/>
        <charset val="128"/>
      </rPr>
      <t>※</t>
    </r>
    <rPh sb="0" eb="2">
      <t>ハイニョウ</t>
    </rPh>
    <phoneticPr fontId="2"/>
  </si>
  <si>
    <r>
      <t>排便</t>
    </r>
    <r>
      <rPr>
        <vertAlign val="superscript"/>
        <sz val="9"/>
        <color theme="1"/>
        <rFont val="MS UI Gothic"/>
        <family val="3"/>
        <charset val="128"/>
      </rPr>
      <t>※</t>
    </r>
    <rPh sb="0" eb="1">
      <t>ハイ</t>
    </rPh>
    <rPh sb="1" eb="2">
      <t>ベン</t>
    </rPh>
    <phoneticPr fontId="2"/>
  </si>
  <si>
    <t xml:space="preserve"> 自立 ・ 見守 ・ 一部 ・ 全</t>
    <rPh sb="1" eb="3">
      <t>ジリツ</t>
    </rPh>
    <rPh sb="6" eb="8">
      <t>ミマモ</t>
    </rPh>
    <rPh sb="11" eb="13">
      <t>イチブ</t>
    </rPh>
    <rPh sb="16" eb="17">
      <t>ゼン</t>
    </rPh>
    <phoneticPr fontId="2"/>
  </si>
  <si>
    <t xml:space="preserve"> 無　・　有　（常 ・ 時々 ・ まれに）</t>
    <rPh sb="1" eb="2">
      <t>ム</t>
    </rPh>
    <rPh sb="5" eb="6">
      <t>ユウ</t>
    </rPh>
    <rPh sb="8" eb="9">
      <t>ツネ</t>
    </rPh>
    <rPh sb="12" eb="14">
      <t>トキドキ</t>
    </rPh>
    <phoneticPr fontId="2"/>
  </si>
  <si>
    <t xml:space="preserve"> トイレ ・ Pトイレ ・ おむつ ・ 尿器 ・ カテーテル類</t>
    <rPh sb="20" eb="22">
      <t>ニョウキ</t>
    </rPh>
    <rPh sb="30" eb="31">
      <t>ルイ</t>
    </rPh>
    <phoneticPr fontId="2"/>
  </si>
  <si>
    <r>
      <t>保清</t>
    </r>
    <r>
      <rPr>
        <vertAlign val="superscript"/>
        <sz val="9"/>
        <color theme="1"/>
        <rFont val="MS UI Gothic"/>
        <family val="3"/>
        <charset val="128"/>
      </rPr>
      <t>※</t>
    </r>
    <rPh sb="0" eb="1">
      <t>タモ</t>
    </rPh>
    <rPh sb="1" eb="2">
      <t>セイ</t>
    </rPh>
    <phoneticPr fontId="2"/>
  </si>
  <si>
    <t>できる ・ 難しい</t>
    <rPh sb="6" eb="7">
      <t>ムズカ</t>
    </rPh>
    <phoneticPr fontId="2"/>
  </si>
  <si>
    <r>
      <t>口腔ケア</t>
    </r>
    <r>
      <rPr>
        <vertAlign val="superscript"/>
        <sz val="9"/>
        <color theme="1"/>
        <rFont val="MS UI Gothic"/>
        <family val="3"/>
        <charset val="128"/>
      </rPr>
      <t>※</t>
    </r>
    <rPh sb="0" eb="2">
      <t>コウクウ</t>
    </rPh>
    <phoneticPr fontId="2"/>
  </si>
  <si>
    <t xml:space="preserve"> できない ・ できる　（伝達方法：　　　　　　　　　　　　　　　　）</t>
    <rPh sb="13" eb="15">
      <t>デンタツ</t>
    </rPh>
    <rPh sb="15" eb="17">
      <t>ホウホウ</t>
    </rPh>
    <phoneticPr fontId="2"/>
  </si>
  <si>
    <t>手段</t>
    <rPh sb="0" eb="2">
      <t>シュダン</t>
    </rPh>
    <phoneticPr fontId="2"/>
  </si>
  <si>
    <r>
      <t>寝返り</t>
    </r>
    <r>
      <rPr>
        <vertAlign val="superscript"/>
        <sz val="9"/>
        <color theme="1"/>
        <rFont val="MS UI Gothic"/>
        <family val="3"/>
        <charset val="128"/>
      </rPr>
      <t>※</t>
    </r>
    <rPh sb="0" eb="2">
      <t>ネガエ</t>
    </rPh>
    <phoneticPr fontId="2"/>
  </si>
  <si>
    <r>
      <t>起上り</t>
    </r>
    <r>
      <rPr>
        <vertAlign val="superscript"/>
        <sz val="9"/>
        <color theme="1"/>
        <rFont val="MS UI Gothic"/>
        <family val="3"/>
        <charset val="128"/>
      </rPr>
      <t>※</t>
    </r>
    <rPh sb="0" eb="2">
      <t>オキアガ</t>
    </rPh>
    <phoneticPr fontId="2"/>
  </si>
  <si>
    <r>
      <t>立上り</t>
    </r>
    <r>
      <rPr>
        <vertAlign val="superscript"/>
        <sz val="9"/>
        <color theme="1"/>
        <rFont val="MS UI Gothic"/>
        <family val="3"/>
        <charset val="128"/>
      </rPr>
      <t>※</t>
    </r>
    <rPh sb="0" eb="2">
      <t>タチアガ</t>
    </rPh>
    <phoneticPr fontId="2"/>
  </si>
  <si>
    <r>
      <t>歩行</t>
    </r>
    <r>
      <rPr>
        <vertAlign val="superscript"/>
        <sz val="9"/>
        <color theme="1"/>
        <rFont val="MS UI Gothic"/>
        <family val="3"/>
        <charset val="128"/>
      </rPr>
      <t>※</t>
    </r>
    <rPh sb="0" eb="2">
      <t>ホコウ</t>
    </rPh>
    <phoneticPr fontId="2"/>
  </si>
  <si>
    <r>
      <t>座位</t>
    </r>
    <r>
      <rPr>
        <vertAlign val="superscript"/>
        <sz val="9"/>
        <color theme="1"/>
        <rFont val="MS UI Gothic"/>
        <family val="3"/>
        <charset val="128"/>
      </rPr>
      <t>※</t>
    </r>
    <rPh sb="0" eb="2">
      <t>ザイ</t>
    </rPh>
    <phoneticPr fontId="2"/>
  </si>
  <si>
    <r>
      <t>立位</t>
    </r>
    <r>
      <rPr>
        <vertAlign val="superscript"/>
        <sz val="9"/>
        <color theme="1"/>
        <rFont val="MS UI Gothic"/>
        <family val="3"/>
        <charset val="128"/>
      </rPr>
      <t>※</t>
    </r>
    <rPh sb="0" eb="2">
      <t>リツイ</t>
    </rPh>
    <phoneticPr fontId="2"/>
  </si>
  <si>
    <r>
      <t>移乗</t>
    </r>
    <r>
      <rPr>
        <vertAlign val="superscript"/>
        <sz val="9"/>
        <color theme="1"/>
        <rFont val="MS UI Gothic"/>
        <family val="3"/>
        <charset val="128"/>
      </rPr>
      <t>※</t>
    </r>
    <rPh sb="0" eb="2">
      <t>イジョウ</t>
    </rPh>
    <phoneticPr fontId="2"/>
  </si>
  <si>
    <r>
      <t>整容</t>
    </r>
    <r>
      <rPr>
        <vertAlign val="superscript"/>
        <sz val="9"/>
        <color theme="1"/>
        <rFont val="MS UI Gothic"/>
        <family val="3"/>
        <charset val="128"/>
      </rPr>
      <t>※</t>
    </r>
    <rPh sb="0" eb="2">
      <t>セイヨウ</t>
    </rPh>
    <phoneticPr fontId="2"/>
  </si>
  <si>
    <r>
      <t>更衣</t>
    </r>
    <r>
      <rPr>
        <vertAlign val="superscript"/>
        <sz val="9"/>
        <color theme="1"/>
        <rFont val="MS UI Gothic"/>
        <family val="3"/>
        <charset val="128"/>
      </rPr>
      <t>※</t>
    </r>
    <rPh sb="0" eb="2">
      <t>コウイ</t>
    </rPh>
    <phoneticPr fontId="2"/>
  </si>
  <si>
    <t>）</t>
    <phoneticPr fontId="2"/>
  </si>
  <si>
    <t>　記憶障害　・　見当識障害　・　実行機能障害</t>
    <phoneticPr fontId="2"/>
  </si>
  <si>
    <t>　失語　・　失認　・　失行</t>
    <phoneticPr fontId="2"/>
  </si>
  <si>
    <t>　せん妄 ・ 妄想 ・ 暴力 ・ 暴言 ・ 幻覚 ・ 錯覚 ・ 徘徊</t>
    <rPh sb="3" eb="4">
      <t>モウ</t>
    </rPh>
    <rPh sb="7" eb="9">
      <t>モウソウ</t>
    </rPh>
    <rPh sb="12" eb="14">
      <t>ボウリョク</t>
    </rPh>
    <rPh sb="17" eb="19">
      <t>ボウゲン</t>
    </rPh>
    <rPh sb="22" eb="24">
      <t>ゲンカク</t>
    </rPh>
    <rPh sb="27" eb="29">
      <t>サッカク</t>
    </rPh>
    <rPh sb="32" eb="34">
      <t>ハイカイ</t>
    </rPh>
    <phoneticPr fontId="2"/>
  </si>
  <si>
    <t>　自己 ・ 他者（管理者</t>
    <rPh sb="1" eb="3">
      <t>ジコ</t>
    </rPh>
    <rPh sb="6" eb="8">
      <t>タシャ</t>
    </rPh>
    <rPh sb="9" eb="12">
      <t>カンリシャ</t>
    </rPh>
    <phoneticPr fontId="2"/>
  </si>
  <si>
    <t>）</t>
    <phoneticPr fontId="2"/>
  </si>
  <si>
    <t>　膀胱留置カテーテル　・　膀胱瘻　・　腎瘻　・　ストマ　（　消化管　・　尿路　）　・　在宅酸素　（　　　　L　）　・　人工呼吸器</t>
    <rPh sb="1" eb="3">
      <t>ボウコウ</t>
    </rPh>
    <rPh sb="3" eb="5">
      <t>リュウチ</t>
    </rPh>
    <rPh sb="13" eb="16">
      <t>ボウコウロウ</t>
    </rPh>
    <rPh sb="19" eb="21">
      <t>ジンロウ</t>
    </rPh>
    <rPh sb="30" eb="33">
      <t>ショウカカン</t>
    </rPh>
    <rPh sb="36" eb="38">
      <t>ニョウロ</t>
    </rPh>
    <rPh sb="43" eb="45">
      <t>ザイタク</t>
    </rPh>
    <rPh sb="45" eb="47">
      <t>サンソ</t>
    </rPh>
    <rPh sb="59" eb="61">
      <t>ジンコウ</t>
    </rPh>
    <rPh sb="61" eb="64">
      <t>コキュウキ</t>
    </rPh>
    <phoneticPr fontId="2"/>
  </si>
  <si>
    <t>　インシュリン注射　（　自己注射　可　・　不可　）　・　中心静脈栄養　・　疼痛管理　・　喀痰吸引</t>
    <rPh sb="7" eb="9">
      <t>チュウシャ</t>
    </rPh>
    <rPh sb="12" eb="14">
      <t>ジコ</t>
    </rPh>
    <rPh sb="14" eb="16">
      <t>チュウシャ</t>
    </rPh>
    <rPh sb="17" eb="18">
      <t>カ</t>
    </rPh>
    <rPh sb="21" eb="23">
      <t>フカ</t>
    </rPh>
    <rPh sb="28" eb="30">
      <t>チュウシン</t>
    </rPh>
    <rPh sb="30" eb="32">
      <t>ジョウミャク</t>
    </rPh>
    <rPh sb="32" eb="34">
      <t>エイヨウ</t>
    </rPh>
    <rPh sb="37" eb="39">
      <t>トウツウ</t>
    </rPh>
    <rPh sb="39" eb="41">
      <t>カンリ</t>
    </rPh>
    <rPh sb="44" eb="46">
      <t>カクタン</t>
    </rPh>
    <rPh sb="46" eb="48">
      <t>キュウイン</t>
    </rPh>
    <phoneticPr fontId="2"/>
  </si>
  <si>
    <t>　処方通り ・ 飲み忘れ （ 時々 ・ 多い ・ 守らない ） ・ 服薬拒否</t>
    <rPh sb="1" eb="3">
      <t>ショホウ</t>
    </rPh>
    <rPh sb="3" eb="4">
      <t>ドオ</t>
    </rPh>
    <rPh sb="8" eb="9">
      <t>ノ</t>
    </rPh>
    <rPh sb="10" eb="11">
      <t>ワス</t>
    </rPh>
    <rPh sb="15" eb="17">
      <t>トキドキ</t>
    </rPh>
    <rPh sb="20" eb="21">
      <t>オオ</t>
    </rPh>
    <rPh sb="25" eb="26">
      <t>マモ</t>
    </rPh>
    <rPh sb="34" eb="36">
      <t>フクヤク</t>
    </rPh>
    <rPh sb="36" eb="38">
      <t>キョヒ</t>
    </rPh>
    <phoneticPr fontId="2"/>
  </si>
  <si>
    <t>主食</t>
    <rPh sb="0" eb="2">
      <t>シュショク</t>
    </rPh>
    <phoneticPr fontId="2"/>
  </si>
  <si>
    <t>副食</t>
    <rPh sb="0" eb="2">
      <t>フクショク</t>
    </rPh>
    <phoneticPr fontId="2"/>
  </si>
  <si>
    <t>嚥下</t>
    <rPh sb="0" eb="2">
      <t>エンゲ</t>
    </rPh>
    <phoneticPr fontId="2"/>
  </si>
  <si>
    <t>とろみ</t>
    <phoneticPr fontId="2"/>
  </si>
  <si>
    <t>理解</t>
    <rPh sb="0" eb="2">
      <t>リカイ</t>
    </rPh>
    <phoneticPr fontId="2"/>
  </si>
  <si>
    <t>（上： 無 ・ 有 / 下： 無 ・ 有 ）</t>
  </si>
  <si>
    <t>義歯</t>
    <phoneticPr fontId="2"/>
  </si>
  <si>
    <t>：種類（</t>
    <rPh sb="1" eb="3">
      <t>シュルイ</t>
    </rPh>
    <phoneticPr fontId="2"/>
  </si>
  <si>
    <t>認知症</t>
    <rPh sb="0" eb="3">
      <t>ニンチショウ</t>
    </rPh>
    <phoneticPr fontId="2"/>
  </si>
  <si>
    <t>専門医への受診</t>
    <rPh sb="0" eb="3">
      <t>センモンイ</t>
    </rPh>
    <rPh sb="5" eb="7">
      <t>ジュシン</t>
    </rPh>
    <phoneticPr fontId="2"/>
  </si>
  <si>
    <t>精神疾患</t>
    <rPh sb="0" eb="2">
      <t>セイシン</t>
    </rPh>
    <rPh sb="2" eb="4">
      <t>シッカン</t>
    </rPh>
    <phoneticPr fontId="2"/>
  </si>
  <si>
    <t>中核症状</t>
    <rPh sb="0" eb="2">
      <t>チュウカク</t>
    </rPh>
    <rPh sb="2" eb="4">
      <t>ショウジョウ</t>
    </rPh>
    <phoneticPr fontId="2"/>
  </si>
  <si>
    <t>周辺症状</t>
    <rPh sb="0" eb="2">
      <t>シュウヘン</t>
    </rPh>
    <rPh sb="2" eb="4">
      <t>ショウジョウ</t>
    </rPh>
    <phoneticPr fontId="2"/>
  </si>
  <si>
    <t>無　・　有　（</t>
    <phoneticPr fontId="2"/>
  </si>
  <si>
    <t>薬の服用</t>
    <rPh sb="0" eb="1">
      <t>クスリ</t>
    </rPh>
    <rPh sb="2" eb="4">
      <t>フクヨウ</t>
    </rPh>
    <phoneticPr fontId="2"/>
  </si>
  <si>
    <t>□</t>
    <phoneticPr fontId="2"/>
  </si>
  <si>
    <r>
      <t>※項目の評価は、</t>
    </r>
    <r>
      <rPr>
        <b/>
        <i/>
        <sz val="9"/>
        <color rgb="FFFF0000"/>
        <rFont val="MS UI Gothic"/>
        <family val="3"/>
        <charset val="128"/>
      </rPr>
      <t>自立</t>
    </r>
    <r>
      <rPr>
        <b/>
        <i/>
        <sz val="9"/>
        <color theme="1"/>
        <rFont val="MS UI Gothic"/>
        <family val="3"/>
        <charset val="128"/>
      </rPr>
      <t xml:space="preserve"> ・ </t>
    </r>
    <r>
      <rPr>
        <b/>
        <i/>
        <sz val="9"/>
        <color rgb="FFFF0000"/>
        <rFont val="MS UI Gothic"/>
        <family val="3"/>
        <charset val="128"/>
      </rPr>
      <t>見守</t>
    </r>
    <r>
      <rPr>
        <b/>
        <i/>
        <sz val="9"/>
        <color theme="1"/>
        <rFont val="MS UI Gothic"/>
        <family val="3"/>
        <charset val="128"/>
      </rPr>
      <t xml:space="preserve">（＝見守り） ・ </t>
    </r>
    <r>
      <rPr>
        <b/>
        <i/>
        <sz val="9"/>
        <color rgb="FFFF0000"/>
        <rFont val="MS UI Gothic"/>
        <family val="3"/>
        <charset val="128"/>
      </rPr>
      <t>一部</t>
    </r>
    <r>
      <rPr>
        <b/>
        <i/>
        <sz val="9"/>
        <color theme="1"/>
        <rFont val="MS UI Gothic"/>
        <family val="3"/>
        <charset val="128"/>
      </rPr>
      <t xml:space="preserve">（＝一部介助） ・ </t>
    </r>
    <r>
      <rPr>
        <b/>
        <i/>
        <sz val="9"/>
        <color rgb="FFFF0000"/>
        <rFont val="MS UI Gothic"/>
        <family val="3"/>
        <charset val="128"/>
      </rPr>
      <t>全</t>
    </r>
    <r>
      <rPr>
        <b/>
        <i/>
        <sz val="9"/>
        <color theme="1"/>
        <rFont val="MS UI Gothic"/>
        <family val="3"/>
        <charset val="128"/>
      </rPr>
      <t>（＝全介助）の４段階</t>
    </r>
    <rPh sb="1" eb="3">
      <t>コウモク</t>
    </rPh>
    <rPh sb="4" eb="6">
      <t>ヒョウカ</t>
    </rPh>
    <rPh sb="8" eb="10">
      <t>ジリツ</t>
    </rPh>
    <rPh sb="13" eb="15">
      <t>ミマモ</t>
    </rPh>
    <rPh sb="17" eb="19">
      <t>ミマモ</t>
    </rPh>
    <rPh sb="24" eb="26">
      <t>イチブ</t>
    </rPh>
    <rPh sb="28" eb="30">
      <t>イチブ</t>
    </rPh>
    <rPh sb="30" eb="32">
      <t>カイジョ</t>
    </rPh>
    <rPh sb="36" eb="37">
      <t>ゼン</t>
    </rPh>
    <rPh sb="39" eb="40">
      <t>ゼン</t>
    </rPh>
    <rPh sb="40" eb="42">
      <t>カイジョ</t>
    </rPh>
    <rPh sb="45" eb="47">
      <t>ダンカイ</t>
    </rPh>
    <phoneticPr fontId="2"/>
  </si>
  <si>
    <t>本人の
療養生活に対する
希望・意向</t>
    <rPh sb="0" eb="2">
      <t>ホンニン</t>
    </rPh>
    <rPh sb="4" eb="6">
      <t>リョウヨウ</t>
    </rPh>
    <rPh sb="6" eb="8">
      <t>セイカツ</t>
    </rPh>
    <rPh sb="9" eb="10">
      <t>タイ</t>
    </rPh>
    <rPh sb="13" eb="15">
      <t>キボウ</t>
    </rPh>
    <rPh sb="16" eb="18">
      <t>イコウ</t>
    </rPh>
    <phoneticPr fontId="2"/>
  </si>
  <si>
    <t>家族の
療養生活に対する
希望・意向</t>
    <rPh sb="0" eb="2">
      <t>カゾク</t>
    </rPh>
    <rPh sb="4" eb="6">
      <t>リョウヨウ</t>
    </rPh>
    <rPh sb="6" eb="8">
      <t>セイカツ</t>
    </rPh>
    <rPh sb="9" eb="10">
      <t>タイ</t>
    </rPh>
    <rPh sb="13" eb="15">
      <t>キボウ</t>
    </rPh>
    <rPh sb="16" eb="18">
      <t>イコウ</t>
    </rPh>
    <phoneticPr fontId="2"/>
  </si>
  <si>
    <t>　無　・　有　（部位：</t>
    <rPh sb="1" eb="2">
      <t>ナシ</t>
    </rPh>
    <rPh sb="5" eb="6">
      <t>ユウ</t>
    </rPh>
    <rPh sb="8" eb="10">
      <t>ブイ</t>
    </rPh>
    <phoneticPr fontId="2"/>
  </si>
  <si>
    <t>書類作成日</t>
    <rPh sb="0" eb="2">
      <t>ショルイ</t>
    </rPh>
    <rPh sb="2" eb="4">
      <t>サクセイ</t>
    </rPh>
    <rPh sb="4" eb="5">
      <t>ビ</t>
    </rPh>
    <phoneticPr fontId="2"/>
  </si>
  <si>
    <t>別添の居宅サービス計画書等　参照</t>
    <rPh sb="0" eb="2">
      <t>ベッテン</t>
    </rPh>
    <rPh sb="3" eb="5">
      <t>キョタク</t>
    </rPh>
    <rPh sb="9" eb="11">
      <t>ケイカク</t>
    </rPh>
    <rPh sb="11" eb="12">
      <t>ショ</t>
    </rPh>
    <rPh sb="12" eb="13">
      <t>トウ</t>
    </rPh>
    <rPh sb="14" eb="16">
      <t>サンショウ</t>
    </rPh>
    <phoneticPr fontId="2"/>
  </si>
  <si>
    <t>アレルギー</t>
    <phoneticPr fontId="2"/>
  </si>
  <si>
    <t>　不明　・　無　・　有　（</t>
    <rPh sb="1" eb="3">
      <t>フメイ</t>
    </rPh>
    <rPh sb="6" eb="7">
      <t>ナシ</t>
    </rPh>
    <rPh sb="10" eb="11">
      <t>ユウ</t>
    </rPh>
    <phoneticPr fontId="2"/>
  </si>
  <si>
    <t>（関係</t>
    <rPh sb="1" eb="3">
      <t>カンケイ</t>
    </rPh>
    <phoneticPr fontId="2"/>
  </si>
  <si>
    <t>常飯 ・ 軟飯 ・ 粥 ・ ペースト</t>
    <rPh sb="0" eb="1">
      <t>ジョウ</t>
    </rPh>
    <rPh sb="1" eb="2">
      <t>ハン</t>
    </rPh>
    <rPh sb="5" eb="7">
      <t>ナンハン</t>
    </rPh>
    <rPh sb="10" eb="11">
      <t>カユ</t>
    </rPh>
    <phoneticPr fontId="2"/>
  </si>
  <si>
    <t>常菜 ・ 軟菜 ・ 刻み（ 一口大 ・ 荒 ・ 細 ） ・ ペースト</t>
    <rPh sb="0" eb="1">
      <t>ジョウ</t>
    </rPh>
    <rPh sb="1" eb="2">
      <t>サイ</t>
    </rPh>
    <rPh sb="5" eb="6">
      <t>ナン</t>
    </rPh>
    <rPh sb="6" eb="7">
      <t>サイ</t>
    </rPh>
    <rPh sb="10" eb="11">
      <t>キザ</t>
    </rPh>
    <rPh sb="14" eb="16">
      <t>ヒトクチ</t>
    </rPh>
    <rPh sb="16" eb="17">
      <t>ダイ</t>
    </rPh>
    <rPh sb="20" eb="21">
      <t>アラ</t>
    </rPh>
    <rPh sb="24" eb="25">
      <t>コマ</t>
    </rPh>
    <phoneticPr fontId="2"/>
  </si>
  <si>
    <t>むせない ・ むせる</t>
    <phoneticPr fontId="2"/>
  </si>
  <si>
    <t xml:space="preserve"> 経口 ・ 経管（　　　　　） ・ 輸液</t>
    <rPh sb="1" eb="3">
      <t>ケイコウ</t>
    </rPh>
    <rPh sb="6" eb="7">
      <t>キョウ</t>
    </rPh>
    <rPh sb="7" eb="8">
      <t>カン</t>
    </rPh>
    <rPh sb="18" eb="20">
      <t>ユエキ</t>
    </rPh>
    <phoneticPr fontId="2"/>
  </si>
  <si>
    <r>
      <t>独歩 ・ 杖 ・ 歩行器 ・ 車いす ・</t>
    </r>
    <r>
      <rPr>
        <u/>
        <sz val="9"/>
        <rFont val="MS UI Gothic"/>
        <family val="3"/>
        <charset val="128"/>
      </rPr>
      <t xml:space="preserve"> </t>
    </r>
    <r>
      <rPr>
        <sz val="9"/>
        <rFont val="MS UI Gothic"/>
        <family val="3"/>
        <charset val="128"/>
      </rPr>
      <t>その他（</t>
    </r>
    <rPh sb="0" eb="2">
      <t>ドッポ</t>
    </rPh>
    <rPh sb="5" eb="6">
      <t>ツエ</t>
    </rPh>
    <rPh sb="23" eb="24">
      <t>タ</t>
    </rPh>
    <phoneticPr fontId="2"/>
  </si>
  <si>
    <t>　うつ ・ 睡眠障害 ・ 食行動障害 ・ その他（</t>
    <rPh sb="6" eb="8">
      <t>スイミン</t>
    </rPh>
    <rPh sb="8" eb="10">
      <t>ショウガイ</t>
    </rPh>
    <rPh sb="13" eb="14">
      <t>ショク</t>
    </rPh>
    <rPh sb="14" eb="16">
      <t>コウドウ</t>
    </rPh>
    <rPh sb="16" eb="18">
      <t>ショウガイ</t>
    </rPh>
    <rPh sb="23" eb="24">
      <t>タ</t>
    </rPh>
    <phoneticPr fontId="2"/>
  </si>
  <si>
    <t xml:space="preserve"> 話せる ・ 話せない</t>
    <rPh sb="1" eb="2">
      <t>ハナ</t>
    </rPh>
    <rPh sb="7" eb="8">
      <t>ハナ</t>
    </rPh>
    <phoneticPr fontId="2"/>
  </si>
  <si>
    <t>かかりつけ医</t>
    <rPh sb="5" eb="6">
      <t>イ</t>
    </rPh>
    <phoneticPr fontId="2"/>
  </si>
  <si>
    <t>①医療機関名</t>
    <rPh sb="1" eb="3">
      <t>イリョウ</t>
    </rPh>
    <rPh sb="3" eb="5">
      <t>キカン</t>
    </rPh>
    <rPh sb="5" eb="6">
      <t>メイ</t>
    </rPh>
    <phoneticPr fontId="2"/>
  </si>
  <si>
    <t>②医療機関名</t>
    <rPh sb="1" eb="3">
      <t>イリョウ</t>
    </rPh>
    <rPh sb="3" eb="5">
      <t>キカン</t>
    </rPh>
    <rPh sb="5" eb="6">
      <t>メイ</t>
    </rPh>
    <phoneticPr fontId="2"/>
  </si>
  <si>
    <t>先生Tel</t>
    <phoneticPr fontId="2"/>
  </si>
  <si>
    <t>医師</t>
    <phoneticPr fontId="2"/>
  </si>
  <si>
    <t>TEL</t>
    <phoneticPr fontId="2"/>
  </si>
  <si>
    <t>FAX</t>
    <phoneticPr fontId="2"/>
  </si>
  <si>
    <t>フリガナ</t>
    <phoneticPr fontId="2"/>
  </si>
  <si>
    <t>Ｍ</t>
  </si>
  <si>
    <t>Ｍ</t>
    <phoneticPr fontId="2"/>
  </si>
  <si>
    <t>Ｔ</t>
    <phoneticPr fontId="2"/>
  </si>
  <si>
    <t>Ｓ</t>
    <phoneticPr fontId="2"/>
  </si>
  <si>
    <t>Ｈ</t>
    <phoneticPr fontId="2"/>
  </si>
  <si>
    <t>Ｒ</t>
    <phoneticPr fontId="2"/>
  </si>
  <si>
    <t>①</t>
    <phoneticPr fontId="2"/>
  </si>
  <si>
    <t>）②</t>
    <phoneticPr fontId="2"/>
  </si>
  <si>
    <t>）</t>
    <phoneticPr fontId="2"/>
  </si>
  <si>
    <t>TEL</t>
    <phoneticPr fontId="2"/>
  </si>
  <si>
    <t>Tel</t>
    <phoneticPr fontId="2"/>
  </si>
  <si>
    <t>Tel</t>
    <phoneticPr fontId="2"/>
  </si>
  <si>
    <t>先生</t>
    <rPh sb="0" eb="2">
      <t>センセイ</t>
    </rPh>
    <phoneticPr fontId="2"/>
  </si>
  <si>
    <t>Tel</t>
    <phoneticPr fontId="2"/>
  </si>
  <si>
    <t>　</t>
    <phoneticPr fontId="2"/>
  </si>
  <si>
    <t>☑</t>
    <phoneticPr fontId="2"/>
  </si>
  <si>
    <t>月</t>
    <rPh sb="0" eb="1">
      <t>ガツ</t>
    </rPh>
    <phoneticPr fontId="2"/>
  </si>
  <si>
    <t>日付）</t>
    <rPh sb="0" eb="1">
      <t>ニチ</t>
    </rPh>
    <rPh sb="1" eb="2">
      <t>ヅケ</t>
    </rPh>
    <phoneticPr fontId="2"/>
  </si>
  <si>
    <t>な  し  (</t>
    <phoneticPr fontId="34"/>
  </si>
  <si>
    <t>申請中(</t>
    <rPh sb="0" eb="3">
      <t>シンセイチュウ</t>
    </rPh>
    <phoneticPr fontId="2"/>
  </si>
  <si>
    <t>変更中(</t>
    <rPh sb="0" eb="2">
      <t>ヘンコウ</t>
    </rPh>
    <rPh sb="2" eb="3">
      <t>チュウ</t>
    </rPh>
    <phoneticPr fontId="2"/>
  </si>
  <si>
    <t>要支援</t>
    <rPh sb="0" eb="1">
      <t>ヨウ</t>
    </rPh>
    <rPh sb="1" eb="3">
      <t>シエン</t>
    </rPh>
    <phoneticPr fontId="2"/>
  </si>
  <si>
    <t>要介護</t>
    <rPh sb="0" eb="1">
      <t>ヨウ</t>
    </rPh>
    <rPh sb="1" eb="3">
      <t>カイゴ</t>
    </rPh>
    <phoneticPr fontId="2"/>
  </si>
  <si>
    <t>担当ＣＷ：</t>
    <rPh sb="0" eb="2">
      <t>タントウ</t>
    </rPh>
    <phoneticPr fontId="2"/>
  </si>
  <si>
    <t>（</t>
    <phoneticPr fontId="2"/>
  </si>
  <si>
    <t>（</t>
    <phoneticPr fontId="2"/>
  </si>
  <si>
    <t>１</t>
    <phoneticPr fontId="2"/>
  </si>
  <si>
    <t>２</t>
    <phoneticPr fontId="2"/>
  </si>
  <si>
    <t>３</t>
    <phoneticPr fontId="2"/>
  </si>
  <si>
    <t>４</t>
    <phoneticPr fontId="2"/>
  </si>
  <si>
    <t>５</t>
    <phoneticPr fontId="2"/>
  </si>
  <si>
    <t>６</t>
    <phoneticPr fontId="2"/>
  </si>
  <si>
    <t>（</t>
    <phoneticPr fontId="2"/>
  </si>
  <si>
    <t>（</t>
    <phoneticPr fontId="2"/>
  </si>
  <si>
    <t>無</t>
    <rPh sb="0" eb="1">
      <t>ナシ</t>
    </rPh>
    <phoneticPr fontId="2"/>
  </si>
  <si>
    <t>有</t>
    <rPh sb="0" eb="1">
      <t>アリ</t>
    </rPh>
    <phoneticPr fontId="2"/>
  </si>
  <si>
    <t xml:space="preserve"> 自立</t>
    <rPh sb="1" eb="3">
      <t>ジリツ</t>
    </rPh>
    <phoneticPr fontId="2"/>
  </si>
  <si>
    <t xml:space="preserve"> 見守り</t>
    <rPh sb="1" eb="3">
      <t>ミマモ</t>
    </rPh>
    <phoneticPr fontId="2"/>
  </si>
  <si>
    <t xml:space="preserve"> 一部介助</t>
    <rPh sb="1" eb="3">
      <t>イチブ</t>
    </rPh>
    <rPh sb="3" eb="5">
      <t>カイジョ</t>
    </rPh>
    <phoneticPr fontId="2"/>
  </si>
  <si>
    <t xml:space="preserve"> 全介助</t>
    <rPh sb="1" eb="4">
      <t>ゼンカイジョ</t>
    </rPh>
    <phoneticPr fontId="2"/>
  </si>
  <si>
    <t>自立支援：</t>
    <rPh sb="0" eb="2">
      <t>ジリツ</t>
    </rPh>
    <rPh sb="2" eb="4">
      <t>シエン</t>
    </rPh>
    <phoneticPr fontId="2"/>
  </si>
  <si>
    <t>心身：</t>
    <rPh sb="0" eb="2">
      <t>シンシン</t>
    </rPh>
    <phoneticPr fontId="2"/>
  </si>
  <si>
    <t>難病：</t>
    <phoneticPr fontId="2"/>
  </si>
  <si>
    <t>特疾：</t>
    <rPh sb="0" eb="1">
      <t>トク</t>
    </rPh>
    <rPh sb="1" eb="2">
      <t>シツ</t>
    </rPh>
    <phoneticPr fontId="2"/>
  </si>
  <si>
    <t xml:space="preserve"> 常飯</t>
    <rPh sb="1" eb="2">
      <t>ジョウ</t>
    </rPh>
    <rPh sb="2" eb="3">
      <t>ハン</t>
    </rPh>
    <phoneticPr fontId="2"/>
  </si>
  <si>
    <t xml:space="preserve"> 軟飯</t>
    <rPh sb="1" eb="3">
      <t>ナンハン</t>
    </rPh>
    <phoneticPr fontId="2"/>
  </si>
  <si>
    <t xml:space="preserve"> 粥</t>
    <rPh sb="1" eb="2">
      <t>カユ</t>
    </rPh>
    <phoneticPr fontId="2"/>
  </si>
  <si>
    <t xml:space="preserve"> ペースト</t>
    <phoneticPr fontId="2"/>
  </si>
  <si>
    <t xml:space="preserve"> 常菜</t>
    <rPh sb="1" eb="2">
      <t>ジョウ</t>
    </rPh>
    <rPh sb="2" eb="3">
      <t>サイ</t>
    </rPh>
    <phoneticPr fontId="2"/>
  </si>
  <si>
    <t xml:space="preserve"> 軟菜</t>
    <rPh sb="1" eb="2">
      <t>ヤワ</t>
    </rPh>
    <rPh sb="2" eb="3">
      <t>サイ</t>
    </rPh>
    <phoneticPr fontId="2"/>
  </si>
  <si>
    <t xml:space="preserve"> 刻み（一口大）</t>
    <rPh sb="1" eb="2">
      <t>キザ</t>
    </rPh>
    <rPh sb="4" eb="6">
      <t>ヒトクチ</t>
    </rPh>
    <rPh sb="6" eb="7">
      <t>ダイ</t>
    </rPh>
    <phoneticPr fontId="2"/>
  </si>
  <si>
    <t xml:space="preserve"> 刻み（荒）</t>
    <rPh sb="1" eb="2">
      <t>キザ</t>
    </rPh>
    <rPh sb="4" eb="5">
      <t>アラ</t>
    </rPh>
    <phoneticPr fontId="2"/>
  </si>
  <si>
    <t xml:space="preserve"> 刻み（細）</t>
    <rPh sb="1" eb="2">
      <t>キザ</t>
    </rPh>
    <rPh sb="4" eb="5">
      <t>コマ</t>
    </rPh>
    <phoneticPr fontId="2"/>
  </si>
  <si>
    <t xml:space="preserve"> ペースト</t>
    <phoneticPr fontId="2"/>
  </si>
  <si>
    <t xml:space="preserve"> 経口</t>
    <rPh sb="1" eb="3">
      <t>ケイコウ</t>
    </rPh>
    <phoneticPr fontId="2"/>
  </si>
  <si>
    <t xml:space="preserve"> 経管栄養（鼻腔）</t>
    <rPh sb="1" eb="5">
      <t>ケイカンエイヨウ</t>
    </rPh>
    <rPh sb="6" eb="8">
      <t>ビクウ</t>
    </rPh>
    <phoneticPr fontId="2"/>
  </si>
  <si>
    <t xml:space="preserve"> 経管栄養（胃ろう）</t>
    <rPh sb="1" eb="5">
      <t>ケイカンエイヨウ</t>
    </rPh>
    <rPh sb="6" eb="7">
      <t>イ</t>
    </rPh>
    <phoneticPr fontId="2"/>
  </si>
  <si>
    <t xml:space="preserve"> 経管栄養（腸ろう）</t>
    <rPh sb="1" eb="5">
      <t>ケイカンエイヨウ</t>
    </rPh>
    <rPh sb="6" eb="7">
      <t>チョウ</t>
    </rPh>
    <phoneticPr fontId="2"/>
  </si>
  <si>
    <t xml:space="preserve"> 輸液</t>
    <rPh sb="1" eb="3">
      <t>ユエキ</t>
    </rPh>
    <phoneticPr fontId="2"/>
  </si>
  <si>
    <t>食事</t>
    <rPh sb="0" eb="2">
      <t>ショクジ</t>
    </rPh>
    <phoneticPr fontId="2"/>
  </si>
  <si>
    <t>回数：</t>
    <rPh sb="0" eb="2">
      <t>カイスウ</t>
    </rPh>
    <phoneticPr fontId="2"/>
  </si>
  <si>
    <t>寝返り</t>
    <rPh sb="0" eb="2">
      <t>ネガエ</t>
    </rPh>
    <phoneticPr fontId="2"/>
  </si>
  <si>
    <t>座位</t>
    <rPh sb="0" eb="2">
      <t>ザイ</t>
    </rPh>
    <phoneticPr fontId="2"/>
  </si>
  <si>
    <t xml:space="preserve"> むせない</t>
    <phoneticPr fontId="2"/>
  </si>
  <si>
    <t xml:space="preserve"> 時々むせる</t>
    <rPh sb="1" eb="3">
      <t>トキドキ</t>
    </rPh>
    <phoneticPr fontId="2"/>
  </si>
  <si>
    <t xml:space="preserve"> 常にむせる</t>
    <rPh sb="1" eb="2">
      <t>ツネ</t>
    </rPh>
    <phoneticPr fontId="2"/>
  </si>
  <si>
    <t>主食：</t>
    <rPh sb="0" eb="2">
      <t>シュショク</t>
    </rPh>
    <phoneticPr fontId="2"/>
  </si>
  <si>
    <t>副食：</t>
    <rPh sb="0" eb="2">
      <t>フクショク</t>
    </rPh>
    <phoneticPr fontId="2"/>
  </si>
  <si>
    <t>起き上がり</t>
    <rPh sb="0" eb="1">
      <t>オ</t>
    </rPh>
    <rPh sb="2" eb="3">
      <t>ア</t>
    </rPh>
    <phoneticPr fontId="2"/>
  </si>
  <si>
    <t>立位</t>
    <rPh sb="0" eb="2">
      <t>リツイ</t>
    </rPh>
    <phoneticPr fontId="2"/>
  </si>
  <si>
    <t xml:space="preserve"> 常に</t>
    <rPh sb="1" eb="2">
      <t>ツネ</t>
    </rPh>
    <phoneticPr fontId="2"/>
  </si>
  <si>
    <t xml:space="preserve"> 時々</t>
    <rPh sb="1" eb="3">
      <t>トキドキ</t>
    </rPh>
    <phoneticPr fontId="2"/>
  </si>
  <si>
    <t xml:space="preserve"> まれに</t>
    <phoneticPr fontId="2"/>
  </si>
  <si>
    <t>とろみ：</t>
    <phoneticPr fontId="2"/>
  </si>
  <si>
    <t>立ち上がり</t>
    <rPh sb="0" eb="1">
      <t>タ</t>
    </rPh>
    <rPh sb="2" eb="3">
      <t>ア</t>
    </rPh>
    <phoneticPr fontId="2"/>
  </si>
  <si>
    <t>移乗</t>
    <rPh sb="0" eb="2">
      <t>イジョウ</t>
    </rPh>
    <phoneticPr fontId="2"/>
  </si>
  <si>
    <t xml:space="preserve"> トイレ</t>
    <phoneticPr fontId="2"/>
  </si>
  <si>
    <t xml:space="preserve"> Ｐトイレ</t>
    <phoneticPr fontId="2"/>
  </si>
  <si>
    <t xml:space="preserve"> おむつ</t>
    <phoneticPr fontId="2"/>
  </si>
  <si>
    <t xml:space="preserve"> 尿器</t>
    <rPh sb="1" eb="3">
      <t>ニョウキ</t>
    </rPh>
    <phoneticPr fontId="2"/>
  </si>
  <si>
    <t xml:space="preserve"> カテーテル類</t>
    <rPh sb="6" eb="7">
      <t>ルイ</t>
    </rPh>
    <phoneticPr fontId="2"/>
  </si>
  <si>
    <t>嚥下：</t>
    <rPh sb="0" eb="2">
      <t>エンゲ</t>
    </rPh>
    <phoneticPr fontId="2"/>
  </si>
  <si>
    <t>歩行</t>
    <rPh sb="0" eb="2">
      <t>ホコウ</t>
    </rPh>
    <phoneticPr fontId="2"/>
  </si>
  <si>
    <t xml:space="preserve"> 一般浴</t>
    <rPh sb="1" eb="3">
      <t>イッパン</t>
    </rPh>
    <rPh sb="3" eb="4">
      <t>ヨク</t>
    </rPh>
    <phoneticPr fontId="2"/>
  </si>
  <si>
    <t xml:space="preserve"> 機械浴</t>
    <rPh sb="1" eb="3">
      <t>キカイ</t>
    </rPh>
    <rPh sb="3" eb="4">
      <t>ヨク</t>
    </rPh>
    <phoneticPr fontId="2"/>
  </si>
  <si>
    <t xml:space="preserve"> 清拭</t>
    <rPh sb="1" eb="3">
      <t>セイシキ</t>
    </rPh>
    <phoneticPr fontId="2"/>
  </si>
  <si>
    <t>排尿</t>
    <rPh sb="0" eb="2">
      <t>ハイニョウ</t>
    </rPh>
    <phoneticPr fontId="2"/>
  </si>
  <si>
    <t>排便</t>
    <rPh sb="0" eb="1">
      <t>ハイ</t>
    </rPh>
    <rPh sb="1" eb="2">
      <t>ベン</t>
    </rPh>
    <phoneticPr fontId="2"/>
  </si>
  <si>
    <t>室内</t>
    <rPh sb="0" eb="2">
      <t>シツナイ</t>
    </rPh>
    <phoneticPr fontId="2"/>
  </si>
  <si>
    <t>屋外</t>
    <rPh sb="0" eb="2">
      <t>オクガイ</t>
    </rPh>
    <phoneticPr fontId="2"/>
  </si>
  <si>
    <t xml:space="preserve"> 話せる</t>
    <rPh sb="1" eb="2">
      <t>ハナ</t>
    </rPh>
    <phoneticPr fontId="2"/>
  </si>
  <si>
    <t xml:space="preserve"> 話せない</t>
    <rPh sb="1" eb="2">
      <t>ハナ</t>
    </rPh>
    <phoneticPr fontId="2"/>
  </si>
  <si>
    <t>失禁の頻度（</t>
    <rPh sb="0" eb="2">
      <t>シッキン</t>
    </rPh>
    <rPh sb="3" eb="5">
      <t>ヒンド</t>
    </rPh>
    <phoneticPr fontId="2"/>
  </si>
  <si>
    <t>）</t>
    <phoneticPr fontId="2"/>
  </si>
  <si>
    <t>整容</t>
    <rPh sb="0" eb="2">
      <t>セイヨウ</t>
    </rPh>
    <phoneticPr fontId="2"/>
  </si>
  <si>
    <t>更衣</t>
    <rPh sb="0" eb="2">
      <t>コウイ</t>
    </rPh>
    <phoneticPr fontId="2"/>
  </si>
  <si>
    <t xml:space="preserve"> できる</t>
    <phoneticPr fontId="2"/>
  </si>
  <si>
    <t xml:space="preserve"> 難しい</t>
    <rPh sb="1" eb="2">
      <t>ムズカ</t>
    </rPh>
    <phoneticPr fontId="2"/>
  </si>
  <si>
    <t>昼</t>
    <rPh sb="0" eb="1">
      <t>ヒル</t>
    </rPh>
    <phoneticPr fontId="2"/>
  </si>
  <si>
    <t>夜</t>
    <rPh sb="0" eb="1">
      <t>ヨル</t>
    </rPh>
    <phoneticPr fontId="2"/>
  </si>
  <si>
    <t>薬の服用：</t>
    <rPh sb="0" eb="1">
      <t>クスリ</t>
    </rPh>
    <rPh sb="2" eb="4">
      <t>フクヨウ</t>
    </rPh>
    <phoneticPr fontId="2"/>
  </si>
  <si>
    <t>（</t>
    <phoneticPr fontId="2"/>
  </si>
  <si>
    <t xml:space="preserve"> できる</t>
    <phoneticPr fontId="2"/>
  </si>
  <si>
    <t xml:space="preserve"> できない</t>
    <phoneticPr fontId="2"/>
  </si>
  <si>
    <t>保清</t>
    <rPh sb="0" eb="1">
      <t>タモ</t>
    </rPh>
    <rPh sb="1" eb="2">
      <t>セイ</t>
    </rPh>
    <phoneticPr fontId="2"/>
  </si>
  <si>
    <t>方法：</t>
    <rPh sb="0" eb="2">
      <t>ホウホウ</t>
    </rPh>
    <phoneticPr fontId="2"/>
  </si>
  <si>
    <t>認知症：</t>
    <rPh sb="0" eb="3">
      <t>ニンチショウ</t>
    </rPh>
    <phoneticPr fontId="2"/>
  </si>
  <si>
    <t xml:space="preserve"> 支障ない</t>
    <rPh sb="1" eb="3">
      <t>シショウ</t>
    </rPh>
    <phoneticPr fontId="2"/>
  </si>
  <si>
    <t xml:space="preserve"> 支障あり</t>
    <rPh sb="1" eb="3">
      <t>シショウ</t>
    </rPh>
    <phoneticPr fontId="2"/>
  </si>
  <si>
    <t xml:space="preserve"> 判断不能</t>
    <rPh sb="1" eb="3">
      <t>ハンダン</t>
    </rPh>
    <rPh sb="3" eb="5">
      <t>フノウ</t>
    </rPh>
    <phoneticPr fontId="2"/>
  </si>
  <si>
    <t>コミュニケーション</t>
    <phoneticPr fontId="2"/>
  </si>
  <si>
    <t>理解：</t>
    <rPh sb="0" eb="2">
      <t>リカイ</t>
    </rPh>
    <phoneticPr fontId="2"/>
  </si>
  <si>
    <t>専門医への受診：</t>
    <rPh sb="0" eb="3">
      <t>センモンイ</t>
    </rPh>
    <rPh sb="5" eb="7">
      <t>ジュシン</t>
    </rPh>
    <phoneticPr fontId="2"/>
  </si>
  <si>
    <t>（</t>
    <phoneticPr fontId="2"/>
  </si>
  <si>
    <t>）</t>
    <phoneticPr fontId="2"/>
  </si>
  <si>
    <t xml:space="preserve"> 介護力あり（十分）</t>
    <rPh sb="1" eb="4">
      <t>カイゴリョク</t>
    </rPh>
    <rPh sb="7" eb="9">
      <t>ジュウブン</t>
    </rPh>
    <phoneticPr fontId="2"/>
  </si>
  <si>
    <t xml:space="preserve"> 介護力あり（一部）</t>
    <rPh sb="1" eb="4">
      <t>カイゴリョク</t>
    </rPh>
    <rPh sb="7" eb="9">
      <t>イチブ</t>
    </rPh>
    <phoneticPr fontId="2"/>
  </si>
  <si>
    <t xml:space="preserve"> 見込めない</t>
    <rPh sb="1" eb="3">
      <t>ミコ</t>
    </rPh>
    <phoneticPr fontId="2"/>
  </si>
  <si>
    <t xml:space="preserve"> 支援者がいない</t>
    <rPh sb="1" eb="4">
      <t>シエンシャ</t>
    </rPh>
    <phoneticPr fontId="2"/>
  </si>
  <si>
    <t>（伝達方法：</t>
    <rPh sb="1" eb="3">
      <t>デンタツ</t>
    </rPh>
    <rPh sb="3" eb="5">
      <t>ホウホウ</t>
    </rPh>
    <phoneticPr fontId="2"/>
  </si>
  <si>
    <t>）</t>
    <phoneticPr fontId="2"/>
  </si>
  <si>
    <t>精神疾患：</t>
    <rPh sb="0" eb="2">
      <t>セイシン</t>
    </rPh>
    <rPh sb="2" eb="4">
      <t>シッカン</t>
    </rPh>
    <phoneticPr fontId="2"/>
  </si>
  <si>
    <t xml:space="preserve"> 独歩</t>
    <rPh sb="1" eb="3">
      <t>ドッポ</t>
    </rPh>
    <phoneticPr fontId="2"/>
  </si>
  <si>
    <t xml:space="preserve"> 伝い歩き</t>
    <rPh sb="1" eb="2">
      <t>ツタ</t>
    </rPh>
    <rPh sb="3" eb="4">
      <t>アル</t>
    </rPh>
    <phoneticPr fontId="2"/>
  </si>
  <si>
    <t xml:space="preserve"> ずり這</t>
    <rPh sb="3" eb="4">
      <t>ハウ</t>
    </rPh>
    <phoneticPr fontId="2"/>
  </si>
  <si>
    <t xml:space="preserve"> 杖</t>
    <rPh sb="1" eb="2">
      <t>ツエ</t>
    </rPh>
    <phoneticPr fontId="2"/>
  </si>
  <si>
    <t xml:space="preserve"> 歩行器</t>
    <rPh sb="1" eb="3">
      <t>ホコウ</t>
    </rPh>
    <rPh sb="3" eb="4">
      <t>キ</t>
    </rPh>
    <phoneticPr fontId="2"/>
  </si>
  <si>
    <t xml:space="preserve"> 車いす</t>
    <rPh sb="1" eb="2">
      <t>クルマ</t>
    </rPh>
    <phoneticPr fontId="2"/>
  </si>
  <si>
    <t>日常生活に</t>
  </si>
  <si>
    <t>補聴器：</t>
    <rPh sb="0" eb="3">
      <t>ホチョウキ</t>
    </rPh>
    <phoneticPr fontId="2"/>
  </si>
  <si>
    <t>中核症状：</t>
    <rPh sb="0" eb="2">
      <t>チュウカク</t>
    </rPh>
    <rPh sb="2" eb="4">
      <t>ショウジョウ</t>
    </rPh>
    <phoneticPr fontId="2"/>
  </si>
  <si>
    <t xml:space="preserve"> シルバーカー</t>
    <phoneticPr fontId="2"/>
  </si>
  <si>
    <t xml:space="preserve"> ストレッチャー</t>
    <phoneticPr fontId="2"/>
  </si>
  <si>
    <t>眼鏡等：</t>
    <rPh sb="0" eb="2">
      <t>ガンキョウ</t>
    </rPh>
    <rPh sb="2" eb="3">
      <t>トウ</t>
    </rPh>
    <phoneticPr fontId="2"/>
  </si>
  <si>
    <t>）・</t>
    <phoneticPr fontId="2"/>
  </si>
  <si>
    <t xml:space="preserve"> 良眠</t>
    <rPh sb="1" eb="3">
      <t>リョウミン</t>
    </rPh>
    <phoneticPr fontId="2"/>
  </si>
  <si>
    <t xml:space="preserve"> 不眠</t>
    <rPh sb="1" eb="3">
      <t>フミン</t>
    </rPh>
    <phoneticPr fontId="2"/>
  </si>
  <si>
    <t>口腔ケア</t>
    <rPh sb="0" eb="2">
      <t>コウクウ</t>
    </rPh>
    <phoneticPr fontId="2"/>
  </si>
  <si>
    <t>義歯：</t>
  </si>
  <si>
    <t>（上：</t>
    <rPh sb="1" eb="2">
      <t>ウエ</t>
    </rPh>
    <phoneticPr fontId="2"/>
  </si>
  <si>
    <t>・</t>
    <phoneticPr fontId="2"/>
  </si>
  <si>
    <t>下：</t>
    <rPh sb="0" eb="1">
      <t>シタ</t>
    </rPh>
    <phoneticPr fontId="2"/>
  </si>
  <si>
    <t>）</t>
    <phoneticPr fontId="2"/>
  </si>
  <si>
    <t>周辺症状：</t>
    <rPh sb="0" eb="2">
      <t>シュウヘン</t>
    </rPh>
    <rPh sb="2" eb="4">
      <t>ショウジョウ</t>
    </rPh>
    <phoneticPr fontId="2"/>
  </si>
  <si>
    <t>（</t>
    <phoneticPr fontId="2"/>
  </si>
  <si>
    <t>）</t>
    <phoneticPr fontId="2"/>
  </si>
  <si>
    <t>記憶</t>
    <phoneticPr fontId="2"/>
  </si>
  <si>
    <t>見当識</t>
    <phoneticPr fontId="2"/>
  </si>
  <si>
    <t>実行機能</t>
    <phoneticPr fontId="2"/>
  </si>
  <si>
    <t>記憶・見当識</t>
    <phoneticPr fontId="2"/>
  </si>
  <si>
    <t>見当識・実行機能</t>
    <phoneticPr fontId="2"/>
  </si>
  <si>
    <t>記憶・実行機能</t>
    <phoneticPr fontId="2"/>
  </si>
  <si>
    <t>記憶・見当識・実行機能</t>
    <phoneticPr fontId="2"/>
  </si>
  <si>
    <t>（部位：</t>
    <rPh sb="1" eb="3">
      <t>ブイ</t>
    </rPh>
    <phoneticPr fontId="2"/>
  </si>
  <si>
    <t>）</t>
    <phoneticPr fontId="2"/>
  </si>
  <si>
    <t>）障害</t>
    <rPh sb="1" eb="3">
      <t>ショウガイ</t>
    </rPh>
    <phoneticPr fontId="2"/>
  </si>
  <si>
    <t>失語</t>
    <phoneticPr fontId="2"/>
  </si>
  <si>
    <t>失認</t>
    <phoneticPr fontId="2"/>
  </si>
  <si>
    <t>失行</t>
    <phoneticPr fontId="2"/>
  </si>
  <si>
    <t>失語・失認</t>
    <phoneticPr fontId="2"/>
  </si>
  <si>
    <t>失語・失行</t>
    <phoneticPr fontId="2"/>
  </si>
  <si>
    <t>失認・失行</t>
    <phoneticPr fontId="2"/>
  </si>
  <si>
    <t>失語・失認・失行</t>
    <phoneticPr fontId="2"/>
  </si>
  <si>
    <t>管理者がいる場合（</t>
    <rPh sb="0" eb="3">
      <t>カンリシャ</t>
    </rPh>
    <rPh sb="6" eb="8">
      <t>バアイ</t>
    </rPh>
    <phoneticPr fontId="2"/>
  </si>
  <si>
    <t>介護力あり（十分）</t>
    <rPh sb="0" eb="3">
      <t>カイゴリョク</t>
    </rPh>
    <rPh sb="6" eb="8">
      <t>ジュウブン</t>
    </rPh>
    <phoneticPr fontId="2"/>
  </si>
  <si>
    <t>介護力あり（一部）</t>
    <rPh sb="0" eb="3">
      <t>カイゴリョク</t>
    </rPh>
    <rPh sb="6" eb="8">
      <t>イチブ</t>
    </rPh>
    <phoneticPr fontId="2"/>
  </si>
  <si>
    <t>見込めない</t>
    <rPh sb="0" eb="2">
      <t>ミコ</t>
    </rPh>
    <phoneticPr fontId="2"/>
  </si>
  <si>
    <t>支援者がいない</t>
    <rPh sb="0" eb="3">
      <t>シエンシャ</t>
    </rPh>
    <phoneticPr fontId="2"/>
  </si>
  <si>
    <t>睡眠</t>
    <phoneticPr fontId="2"/>
  </si>
  <si>
    <t>食行動</t>
    <phoneticPr fontId="2"/>
  </si>
  <si>
    <t>睡眠・食行動</t>
    <rPh sb="0" eb="2">
      <t>スイミン</t>
    </rPh>
    <rPh sb="3" eb="4">
      <t>ショク</t>
    </rPh>
    <rPh sb="4" eb="6">
      <t>コウドウ</t>
    </rPh>
    <phoneticPr fontId="2"/>
  </si>
  <si>
    <t>インシュリン注射（自己不可）</t>
    <phoneticPr fontId="2"/>
  </si>
  <si>
    <t>インシュリン注射（自己可）</t>
    <phoneticPr fontId="2"/>
  </si>
  <si>
    <t>膀胱留置カテーテル</t>
    <phoneticPr fontId="2"/>
  </si>
  <si>
    <t>中心静脈栄養</t>
    <phoneticPr fontId="2"/>
  </si>
  <si>
    <t>ストマ　（消化管）</t>
    <phoneticPr fontId="2"/>
  </si>
  <si>
    <t>ストマ（尿路）</t>
    <phoneticPr fontId="2"/>
  </si>
  <si>
    <t>人工呼吸器</t>
    <phoneticPr fontId="2"/>
  </si>
  <si>
    <t>在宅酸素</t>
    <phoneticPr fontId="2"/>
  </si>
  <si>
    <t>疼痛管理</t>
    <phoneticPr fontId="2"/>
  </si>
  <si>
    <t>喀痰吸引</t>
    <phoneticPr fontId="2"/>
  </si>
  <si>
    <t>膀胱瘻</t>
    <phoneticPr fontId="2"/>
  </si>
  <si>
    <t>腎瘻</t>
    <phoneticPr fontId="2"/>
  </si>
  <si>
    <t>インシュリン注射（自己可）</t>
    <phoneticPr fontId="2"/>
  </si>
  <si>
    <t>膀胱留置カテーテル</t>
    <phoneticPr fontId="2"/>
  </si>
  <si>
    <t>中心静脈栄養</t>
    <phoneticPr fontId="2"/>
  </si>
  <si>
    <t>ストマ　（消化管）</t>
    <phoneticPr fontId="2"/>
  </si>
  <si>
    <t>ストマ（尿路）</t>
    <phoneticPr fontId="2"/>
  </si>
  <si>
    <t>人工呼吸器</t>
    <phoneticPr fontId="2"/>
  </si>
  <si>
    <t>在宅酸素</t>
    <phoneticPr fontId="2"/>
  </si>
  <si>
    <t>疼痛管理</t>
    <phoneticPr fontId="2"/>
  </si>
  <si>
    <t>喀痰吸引</t>
    <phoneticPr fontId="2"/>
  </si>
  <si>
    <t>膀胱瘻</t>
    <phoneticPr fontId="2"/>
  </si>
  <si>
    <t>腎瘻</t>
    <phoneticPr fontId="2"/>
  </si>
  <si>
    <t>中心静脈栄養</t>
    <phoneticPr fontId="2"/>
  </si>
  <si>
    <t>ストマ　（消化管）</t>
    <phoneticPr fontId="2"/>
  </si>
  <si>
    <t>ストマ（尿路）</t>
    <phoneticPr fontId="2"/>
  </si>
  <si>
    <t>人工呼吸器</t>
    <phoneticPr fontId="2"/>
  </si>
  <si>
    <t>在宅酸素</t>
    <phoneticPr fontId="2"/>
  </si>
  <si>
    <t>疼痛管理</t>
    <phoneticPr fontId="2"/>
  </si>
  <si>
    <t>腎瘻</t>
    <phoneticPr fontId="2"/>
  </si>
  <si>
    <t>・</t>
  </si>
  <si>
    <t>中心静脈栄養</t>
    <phoneticPr fontId="2"/>
  </si>
  <si>
    <t>ストマ　（消化管）</t>
    <phoneticPr fontId="2"/>
  </si>
  <si>
    <t>人工呼吸器</t>
    <phoneticPr fontId="2"/>
  </si>
  <si>
    <t>疼痛管理</t>
    <phoneticPr fontId="2"/>
  </si>
  <si>
    <t>膀胱瘻</t>
    <phoneticPr fontId="2"/>
  </si>
  <si>
    <t>腎瘻</t>
    <phoneticPr fontId="2"/>
  </si>
  <si>
    <t>ストマ（尿路）</t>
    <phoneticPr fontId="2"/>
  </si>
  <si>
    <t>人工呼吸器</t>
    <phoneticPr fontId="2"/>
  </si>
  <si>
    <t>在宅酸素</t>
    <phoneticPr fontId="2"/>
  </si>
  <si>
    <t>喀痰吸引</t>
    <phoneticPr fontId="2"/>
  </si>
  <si>
    <t>膀胱瘻</t>
    <phoneticPr fontId="2"/>
  </si>
  <si>
    <t>腎瘻</t>
    <phoneticPr fontId="2"/>
  </si>
  <si>
    <t>アレルギー</t>
    <phoneticPr fontId="2"/>
  </si>
  <si>
    <t>（</t>
    <phoneticPr fontId="34"/>
  </si>
  <si>
    <t>）</t>
    <phoneticPr fontId="2"/>
  </si>
  <si>
    <t>ストマ（尿路）</t>
    <phoneticPr fontId="2"/>
  </si>
  <si>
    <t>在宅酸素</t>
    <phoneticPr fontId="2"/>
  </si>
  <si>
    <t>疼痛管理</t>
    <phoneticPr fontId="2"/>
  </si>
  <si>
    <t>喀痰吸引</t>
    <phoneticPr fontId="2"/>
  </si>
  <si>
    <t>人工呼吸器</t>
    <phoneticPr fontId="2"/>
  </si>
  <si>
    <t>膀胱瘻</t>
    <phoneticPr fontId="2"/>
  </si>
  <si>
    <t>在宅酸素</t>
    <phoneticPr fontId="2"/>
  </si>
  <si>
    <t>喀痰吸引</t>
    <phoneticPr fontId="2"/>
  </si>
  <si>
    <t>腎瘻</t>
    <phoneticPr fontId="2"/>
  </si>
  <si>
    <t>疼痛管理</t>
    <phoneticPr fontId="2"/>
  </si>
  <si>
    <t>膀胱瘻</t>
    <phoneticPr fontId="2"/>
  </si>
  <si>
    <t>腎瘻</t>
    <phoneticPr fontId="2"/>
  </si>
  <si>
    <t>喀痰吸引</t>
    <phoneticPr fontId="2"/>
  </si>
  <si>
    <t>処方通り</t>
    <phoneticPr fontId="2"/>
  </si>
  <si>
    <t>時々飲み忘れる</t>
    <rPh sb="0" eb="2">
      <t>トキドキ</t>
    </rPh>
    <phoneticPr fontId="2"/>
  </si>
  <si>
    <t xml:space="preserve">飲み忘れ多い </t>
    <rPh sb="0" eb="1">
      <t>ノ</t>
    </rPh>
    <rPh sb="2" eb="3">
      <t>ワス</t>
    </rPh>
    <phoneticPr fontId="2"/>
  </si>
  <si>
    <t>内服方法を守らない</t>
    <rPh sb="0" eb="2">
      <t>ナイフク</t>
    </rPh>
    <rPh sb="2" eb="4">
      <t>ホウホウ</t>
    </rPh>
    <phoneticPr fontId="2"/>
  </si>
  <si>
    <t>服薬拒否</t>
    <phoneticPr fontId="2"/>
  </si>
  <si>
    <t>自己管理</t>
    <rPh sb="2" eb="4">
      <t>カンリ</t>
    </rPh>
    <phoneticPr fontId="2"/>
  </si>
  <si>
    <t>他者</t>
    <phoneticPr fontId="2"/>
  </si>
  <si>
    <t>せん妄</t>
    <phoneticPr fontId="2"/>
  </si>
  <si>
    <t>妄想</t>
    <phoneticPr fontId="2"/>
  </si>
  <si>
    <t>暴力</t>
    <phoneticPr fontId="2"/>
  </si>
  <si>
    <t>暴言</t>
    <phoneticPr fontId="2"/>
  </si>
  <si>
    <t>幻覚</t>
    <phoneticPr fontId="2"/>
  </si>
  <si>
    <t>錯覚</t>
    <phoneticPr fontId="2"/>
  </si>
  <si>
    <t>徘徊</t>
    <phoneticPr fontId="2"/>
  </si>
  <si>
    <t>うつ</t>
    <phoneticPr fontId="2"/>
  </si>
  <si>
    <t>身体</t>
    <rPh sb="0" eb="2">
      <t>シンタイ</t>
    </rPh>
    <phoneticPr fontId="2"/>
  </si>
  <si>
    <t>知的</t>
    <rPh sb="0" eb="2">
      <t>チテキ</t>
    </rPh>
    <phoneticPr fontId="2"/>
  </si>
  <si>
    <t>精神</t>
    <rPh sb="0" eb="2">
      <t>セイシン</t>
    </rPh>
    <phoneticPr fontId="2"/>
  </si>
  <si>
    <t>更</t>
    <rPh sb="0" eb="1">
      <t>サラ</t>
    </rPh>
    <phoneticPr fontId="2"/>
  </si>
  <si>
    <t>精</t>
    <rPh sb="0" eb="1">
      <t>セイ</t>
    </rPh>
    <phoneticPr fontId="2"/>
  </si>
  <si>
    <t>更・精</t>
    <rPh sb="0" eb="1">
      <t>サラ</t>
    </rPh>
    <rPh sb="2" eb="3">
      <t>セイ</t>
    </rPh>
    <phoneticPr fontId="2"/>
  </si>
  <si>
    <t>・</t>
    <phoneticPr fontId="2"/>
  </si>
  <si>
    <t>　不明</t>
    <phoneticPr fontId="43"/>
  </si>
  <si>
    <t>　無</t>
    <phoneticPr fontId="43"/>
  </si>
  <si>
    <t>　有</t>
    <phoneticPr fontId="43"/>
  </si>
  <si>
    <t>居宅介護支援事業所　やっぱり家がいい</t>
    <rPh sb="0" eb="9">
      <t>キョタクカイゴシエンジギョウショ</t>
    </rPh>
    <rPh sb="14" eb="15">
      <t>イエ</t>
    </rPh>
    <phoneticPr fontId="2"/>
  </si>
  <si>
    <t>内科　大山</t>
    <rPh sb="0" eb="2">
      <t>ナイカ</t>
    </rPh>
    <rPh sb="3" eb="5">
      <t>オオヤマ</t>
    </rPh>
    <phoneticPr fontId="2"/>
  </si>
  <si>
    <t>090-0000-0000</t>
    <phoneticPr fontId="2"/>
  </si>
  <si>
    <t>鮎祭　洋</t>
    <rPh sb="0" eb="1">
      <t>アユ</t>
    </rPh>
    <rPh sb="1" eb="2">
      <t>マツリ</t>
    </rPh>
    <rPh sb="3" eb="4">
      <t>ヒロシ</t>
    </rPh>
    <phoneticPr fontId="2"/>
  </si>
  <si>
    <t>フリガナ</t>
    <phoneticPr fontId="2"/>
  </si>
  <si>
    <t>厚木花子</t>
    <rPh sb="0" eb="2">
      <t>アツギ</t>
    </rPh>
    <rPh sb="2" eb="4">
      <t>ハナコ</t>
    </rPh>
    <phoneticPr fontId="34"/>
  </si>
  <si>
    <t>Ｓ</t>
  </si>
  <si>
    <t>厚木市中町3-17-17</t>
    <rPh sb="0" eb="3">
      <t>アツギシ</t>
    </rPh>
    <rPh sb="3" eb="5">
      <t>ナカチョウ</t>
    </rPh>
    <phoneticPr fontId="2"/>
  </si>
  <si>
    <t>Ｍ</t>
    <phoneticPr fontId="2"/>
  </si>
  <si>
    <t>Ｔ</t>
    <phoneticPr fontId="2"/>
  </si>
  <si>
    <t>Ｓ</t>
    <phoneticPr fontId="2"/>
  </si>
  <si>
    <t>Ｈ</t>
    <phoneticPr fontId="2"/>
  </si>
  <si>
    <t>Ｒ</t>
    <phoneticPr fontId="2"/>
  </si>
  <si>
    <t>①</t>
    <phoneticPr fontId="2"/>
  </si>
  <si>
    <t>厚木　一郎</t>
    <rPh sb="0" eb="2">
      <t>アツギ</t>
    </rPh>
    <rPh sb="3" eb="5">
      <t>イチロウ</t>
    </rPh>
    <phoneticPr fontId="2"/>
  </si>
  <si>
    <t>夫</t>
    <rPh sb="0" eb="1">
      <t>オット</t>
    </rPh>
    <phoneticPr fontId="2"/>
  </si>
  <si>
    <t>）②</t>
    <phoneticPr fontId="2"/>
  </si>
  <si>
    <t>紅葉　夢子</t>
    <rPh sb="0" eb="2">
      <t>コウヨウ</t>
    </rPh>
    <rPh sb="3" eb="5">
      <t>ユメコ</t>
    </rPh>
    <phoneticPr fontId="2"/>
  </si>
  <si>
    <t>長女</t>
    <rPh sb="0" eb="2">
      <t>チョウジョ</t>
    </rPh>
    <phoneticPr fontId="2"/>
  </si>
  <si>
    <t>）</t>
    <phoneticPr fontId="2"/>
  </si>
  <si>
    <t>TEL</t>
    <phoneticPr fontId="2"/>
  </si>
  <si>
    <t>東京都江東区</t>
    <rPh sb="0" eb="3">
      <t>トウキョウト</t>
    </rPh>
    <rPh sb="3" eb="6">
      <t>コウトウク</t>
    </rPh>
    <phoneticPr fontId="2"/>
  </si>
  <si>
    <t>Tel</t>
    <phoneticPr fontId="2"/>
  </si>
  <si>
    <t>Tel</t>
    <phoneticPr fontId="2"/>
  </si>
  <si>
    <t>　相模川医院</t>
    <rPh sb="1" eb="3">
      <t>サガミ</t>
    </rPh>
    <rPh sb="3" eb="4">
      <t>ガワ</t>
    </rPh>
    <rPh sb="4" eb="6">
      <t>イイン</t>
    </rPh>
    <phoneticPr fontId="2"/>
  </si>
  <si>
    <t>相模川　真一</t>
    <rPh sb="0" eb="2">
      <t>サガミ</t>
    </rPh>
    <rPh sb="2" eb="3">
      <t>ガワ</t>
    </rPh>
    <rPh sb="4" eb="6">
      <t>シンイチ</t>
    </rPh>
    <phoneticPr fontId="2"/>
  </si>
  <si>
    <t>Tel</t>
    <phoneticPr fontId="2"/>
  </si>
  <si>
    <t>　</t>
    <phoneticPr fontId="2"/>
  </si>
  <si>
    <t>H27.6軽度認知障害</t>
    <rPh sb="5" eb="7">
      <t>ケイド</t>
    </rPh>
    <rPh sb="7" eb="9">
      <t>ニンチ</t>
    </rPh>
    <rPh sb="9" eb="11">
      <t>ショウガイ</t>
    </rPh>
    <phoneticPr fontId="2"/>
  </si>
  <si>
    <t>H27.12脳出血</t>
    <rPh sb="6" eb="9">
      <t>ノウシュッケツ</t>
    </rPh>
    <phoneticPr fontId="2"/>
  </si>
  <si>
    <t>H28.1褥瘡</t>
    <rPh sb="5" eb="7">
      <t>ジョクソウ</t>
    </rPh>
    <phoneticPr fontId="2"/>
  </si>
  <si>
    <t>訪問介護　週２回</t>
    <rPh sb="0" eb="2">
      <t>ホウモン</t>
    </rPh>
    <rPh sb="2" eb="4">
      <t>カイゴ</t>
    </rPh>
    <rPh sb="5" eb="6">
      <t>シュウ</t>
    </rPh>
    <rPh sb="7" eb="8">
      <t>カイ</t>
    </rPh>
    <phoneticPr fontId="34"/>
  </si>
  <si>
    <t>訪問看護　週２回</t>
    <rPh sb="0" eb="2">
      <t>ホウモン</t>
    </rPh>
    <rPh sb="2" eb="4">
      <t>カンゴ</t>
    </rPh>
    <rPh sb="5" eb="6">
      <t>シュウ</t>
    </rPh>
    <rPh sb="7" eb="8">
      <t>カイ</t>
    </rPh>
    <phoneticPr fontId="34"/>
  </si>
  <si>
    <t>な  し  (</t>
    <phoneticPr fontId="34"/>
  </si>
  <si>
    <t>４</t>
  </si>
  <si>
    <t>通所介護　週２回</t>
    <rPh sb="0" eb="2">
      <t>ツウショ</t>
    </rPh>
    <rPh sb="2" eb="4">
      <t>カイゴ</t>
    </rPh>
    <rPh sb="5" eb="6">
      <t>シュウ</t>
    </rPh>
    <rPh sb="7" eb="8">
      <t>カイ</t>
    </rPh>
    <phoneticPr fontId="34"/>
  </si>
  <si>
    <t>訪問診療</t>
    <rPh sb="0" eb="2">
      <t>ホウモン</t>
    </rPh>
    <rPh sb="2" eb="4">
      <t>シンリョウ</t>
    </rPh>
    <phoneticPr fontId="34"/>
  </si>
  <si>
    <t>（</t>
    <phoneticPr fontId="2"/>
  </si>
  <si>
    <t>居宅療養管理指導</t>
    <rPh sb="0" eb="2">
      <t>キョタク</t>
    </rPh>
    <rPh sb="2" eb="4">
      <t>リョウヨウ</t>
    </rPh>
    <rPh sb="4" eb="6">
      <t>カンリ</t>
    </rPh>
    <rPh sb="6" eb="8">
      <t>シドウ</t>
    </rPh>
    <phoneticPr fontId="34"/>
  </si>
  <si>
    <t>１</t>
    <phoneticPr fontId="2"/>
  </si>
  <si>
    <t>３</t>
    <phoneticPr fontId="2"/>
  </si>
  <si>
    <t>４</t>
    <phoneticPr fontId="2"/>
  </si>
  <si>
    <t>５</t>
    <phoneticPr fontId="2"/>
  </si>
  <si>
    <t>６</t>
    <phoneticPr fontId="2"/>
  </si>
  <si>
    <t>７</t>
    <phoneticPr fontId="2"/>
  </si>
  <si>
    <t>８</t>
    <phoneticPr fontId="2"/>
  </si>
  <si>
    <t>９</t>
    <phoneticPr fontId="2"/>
  </si>
  <si>
    <t>10</t>
    <phoneticPr fontId="2"/>
  </si>
  <si>
    <t>11</t>
    <phoneticPr fontId="2"/>
  </si>
  <si>
    <t>12</t>
    <phoneticPr fontId="2"/>
  </si>
  <si>
    <t>13</t>
    <phoneticPr fontId="2"/>
  </si>
  <si>
    <t>14</t>
    <phoneticPr fontId="2"/>
  </si>
  <si>
    <t>15</t>
    <phoneticPr fontId="2"/>
  </si>
  <si>
    <t>16</t>
    <phoneticPr fontId="2"/>
  </si>
  <si>
    <t>17</t>
    <phoneticPr fontId="2"/>
  </si>
  <si>
    <t>18</t>
    <phoneticPr fontId="2"/>
  </si>
  <si>
    <t>19</t>
    <phoneticPr fontId="2"/>
  </si>
  <si>
    <t>20</t>
    <phoneticPr fontId="2"/>
  </si>
  <si>
    <t>21</t>
    <phoneticPr fontId="2"/>
  </si>
  <si>
    <t>22</t>
    <phoneticPr fontId="2"/>
  </si>
  <si>
    <t>23</t>
    <phoneticPr fontId="2"/>
  </si>
  <si>
    <t>24</t>
    <phoneticPr fontId="2"/>
  </si>
  <si>
    <t>25</t>
    <phoneticPr fontId="2"/>
  </si>
  <si>
    <t>26</t>
    <phoneticPr fontId="2"/>
  </si>
  <si>
    <t>27</t>
    <phoneticPr fontId="2"/>
  </si>
  <si>
    <t>28</t>
    <phoneticPr fontId="2"/>
  </si>
  <si>
    <t>29</t>
    <phoneticPr fontId="2"/>
  </si>
  <si>
    <t>30</t>
    <phoneticPr fontId="2"/>
  </si>
  <si>
    <t>31</t>
    <phoneticPr fontId="2"/>
  </si>
  <si>
    <t>（</t>
    <phoneticPr fontId="2"/>
  </si>
  <si>
    <t>（薬剤師・管理栄養士・歯科衛生士）</t>
    <rPh sb="1" eb="4">
      <t>ヤクザイシ</t>
    </rPh>
    <rPh sb="5" eb="7">
      <t>カンリ</t>
    </rPh>
    <rPh sb="7" eb="10">
      <t>エイヨウシ</t>
    </rPh>
    <rPh sb="11" eb="13">
      <t>シカ</t>
    </rPh>
    <rPh sb="13" eb="16">
      <t>エイセイシ</t>
    </rPh>
    <phoneticPr fontId="34"/>
  </si>
  <si>
    <t>福祉用具レンタル・購入</t>
    <rPh sb="0" eb="2">
      <t>フクシ</t>
    </rPh>
    <rPh sb="2" eb="4">
      <t>ヨウグ</t>
    </rPh>
    <rPh sb="9" eb="11">
      <t>コウニュウ</t>
    </rPh>
    <phoneticPr fontId="34"/>
  </si>
  <si>
    <t>難病：</t>
    <phoneticPr fontId="2"/>
  </si>
  <si>
    <t xml:space="preserve"> ペースト</t>
    <phoneticPr fontId="2"/>
  </si>
  <si>
    <t>３</t>
  </si>
  <si>
    <t xml:space="preserve"> むせない</t>
    <phoneticPr fontId="2"/>
  </si>
  <si>
    <t xml:space="preserve"> まれに</t>
    <phoneticPr fontId="2"/>
  </si>
  <si>
    <t>とろみ：</t>
    <phoneticPr fontId="2"/>
  </si>
  <si>
    <t xml:space="preserve"> トイレ</t>
    <phoneticPr fontId="2"/>
  </si>
  <si>
    <t xml:space="preserve"> Ｐトイレ</t>
    <phoneticPr fontId="2"/>
  </si>
  <si>
    <t xml:space="preserve"> おむつ</t>
    <phoneticPr fontId="2"/>
  </si>
  <si>
    <t xml:space="preserve"> まれに</t>
  </si>
  <si>
    <t>）</t>
    <phoneticPr fontId="2"/>
  </si>
  <si>
    <t xml:space="preserve"> できる</t>
    <phoneticPr fontId="2"/>
  </si>
  <si>
    <t xml:space="preserve"> Ｐトイレ</t>
  </si>
  <si>
    <t xml:space="preserve"> おむつ</t>
  </si>
  <si>
    <t>（</t>
    <phoneticPr fontId="2"/>
  </si>
  <si>
    <t xml:space="preserve"> できる</t>
    <phoneticPr fontId="2"/>
  </si>
  <si>
    <t xml:space="preserve"> できない</t>
    <phoneticPr fontId="2"/>
  </si>
  <si>
    <t>（</t>
    <phoneticPr fontId="2"/>
  </si>
  <si>
    <t>軽度のため内服で対応</t>
    <rPh sb="0" eb="2">
      <t>ケイド</t>
    </rPh>
    <rPh sb="5" eb="7">
      <t>ナイフク</t>
    </rPh>
    <rPh sb="8" eb="10">
      <t>タイオウ</t>
    </rPh>
    <phoneticPr fontId="2"/>
  </si>
  <si>
    <t>コミュニケーション</t>
    <phoneticPr fontId="2"/>
  </si>
  <si>
    <t>診断後は訪問診療に引き継いでいる</t>
    <rPh sb="0" eb="2">
      <t>シンダン</t>
    </rPh>
    <rPh sb="2" eb="3">
      <t>ゴ</t>
    </rPh>
    <rPh sb="4" eb="6">
      <t>ホウモン</t>
    </rPh>
    <rPh sb="6" eb="8">
      <t>シンリョウ</t>
    </rPh>
    <rPh sb="9" eb="10">
      <t>ヒ</t>
    </rPh>
    <rPh sb="11" eb="12">
      <t>ツ</t>
    </rPh>
    <phoneticPr fontId="2"/>
  </si>
  <si>
    <t xml:space="preserve"> できる</t>
  </si>
  <si>
    <t>）</t>
    <phoneticPr fontId="2"/>
  </si>
  <si>
    <t xml:space="preserve"> シルバーカー</t>
    <phoneticPr fontId="2"/>
  </si>
  <si>
    <t xml:space="preserve"> ストレッチャー</t>
    <phoneticPr fontId="2"/>
  </si>
  <si>
    <t>）・</t>
    <phoneticPr fontId="2"/>
  </si>
  <si>
    <t>・</t>
    <phoneticPr fontId="2"/>
  </si>
  <si>
    <t>）</t>
    <phoneticPr fontId="2"/>
  </si>
  <si>
    <t>記憶</t>
    <phoneticPr fontId="2"/>
  </si>
  <si>
    <t>見当識</t>
    <phoneticPr fontId="2"/>
  </si>
  <si>
    <t>実行機能</t>
    <phoneticPr fontId="2"/>
  </si>
  <si>
    <t>記憶・見当識</t>
    <phoneticPr fontId="2"/>
  </si>
  <si>
    <t>見当識・実行機能</t>
    <phoneticPr fontId="2"/>
  </si>
  <si>
    <t>記憶・実行機能</t>
    <phoneticPr fontId="2"/>
  </si>
  <si>
    <t>記憶・見当識・実行機能</t>
    <phoneticPr fontId="2"/>
  </si>
  <si>
    <t>（</t>
    <phoneticPr fontId="2"/>
  </si>
  <si>
    <t>失語</t>
    <phoneticPr fontId="2"/>
  </si>
  <si>
    <t>失認</t>
    <phoneticPr fontId="2"/>
  </si>
  <si>
    <t>失行</t>
    <phoneticPr fontId="2"/>
  </si>
  <si>
    <t>失語・失認</t>
    <phoneticPr fontId="2"/>
  </si>
  <si>
    <t>失語・失行</t>
    <phoneticPr fontId="2"/>
  </si>
  <si>
    <t>失認・失行</t>
    <phoneticPr fontId="2"/>
  </si>
  <si>
    <t>失語・失認・失行</t>
    <phoneticPr fontId="2"/>
  </si>
  <si>
    <t>他者</t>
  </si>
  <si>
    <t>調整可能なサービスによる</t>
    <rPh sb="0" eb="2">
      <t>チョウセイ</t>
    </rPh>
    <rPh sb="2" eb="4">
      <t>カノウ</t>
    </rPh>
    <phoneticPr fontId="34"/>
  </si>
  <si>
    <t>処方通り</t>
  </si>
  <si>
    <t>睡眠</t>
    <phoneticPr fontId="2"/>
  </si>
  <si>
    <t>食行動</t>
    <phoneticPr fontId="2"/>
  </si>
  <si>
    <t>退院後も家に帰りたい。</t>
    <rPh sb="0" eb="3">
      <t>タイインゴ</t>
    </rPh>
    <rPh sb="4" eb="5">
      <t>イエ</t>
    </rPh>
    <rPh sb="6" eb="7">
      <t>カエ</t>
    </rPh>
    <phoneticPr fontId="2"/>
  </si>
  <si>
    <t>老々介護であり娘が遠方に住んでいることもあり、本人の状況によって在宅か施設を話し合いたい。</t>
    <rPh sb="0" eb="4">
      <t>ロウロウカイゴ</t>
    </rPh>
    <rPh sb="7" eb="8">
      <t>ムスメ</t>
    </rPh>
    <rPh sb="9" eb="11">
      <t>エンポウ</t>
    </rPh>
    <rPh sb="12" eb="13">
      <t>ス</t>
    </rPh>
    <rPh sb="23" eb="25">
      <t>ホンニン</t>
    </rPh>
    <rPh sb="26" eb="28">
      <t>ジョウキョウ</t>
    </rPh>
    <rPh sb="32" eb="34">
      <t>ザイタク</t>
    </rPh>
    <rPh sb="35" eb="37">
      <t>シセツ</t>
    </rPh>
    <rPh sb="38" eb="39">
      <t>ハナ</t>
    </rPh>
    <rPh sb="40" eb="41">
      <t>ア</t>
    </rPh>
    <phoneticPr fontId="2"/>
  </si>
  <si>
    <t>インシュリン注射（自己不可）</t>
    <phoneticPr fontId="2"/>
  </si>
  <si>
    <t>インシュリン注射（自己可）</t>
    <phoneticPr fontId="2"/>
  </si>
  <si>
    <t>膀胱留置カテーテル</t>
    <phoneticPr fontId="2"/>
  </si>
  <si>
    <t>中心静脈栄養</t>
    <phoneticPr fontId="2"/>
  </si>
  <si>
    <t>ストマ　（消化管）</t>
    <phoneticPr fontId="2"/>
  </si>
  <si>
    <t>在宅酸素</t>
    <phoneticPr fontId="2"/>
  </si>
  <si>
    <t>疼痛管理</t>
    <phoneticPr fontId="2"/>
  </si>
  <si>
    <t>喀痰吸引</t>
    <phoneticPr fontId="2"/>
  </si>
  <si>
    <t>膀胱瘻</t>
    <phoneticPr fontId="2"/>
  </si>
  <si>
    <t>腎瘻</t>
    <phoneticPr fontId="2"/>
  </si>
  <si>
    <t>インシュリン注射（自己可）</t>
    <phoneticPr fontId="2"/>
  </si>
  <si>
    <t>中心静脈栄養</t>
    <phoneticPr fontId="2"/>
  </si>
  <si>
    <t>ストマ　（消化管）</t>
    <phoneticPr fontId="2"/>
  </si>
  <si>
    <t>ストマ（尿路）</t>
    <phoneticPr fontId="2"/>
  </si>
  <si>
    <t>人工呼吸器</t>
    <phoneticPr fontId="2"/>
  </si>
  <si>
    <t>疼痛管理</t>
    <phoneticPr fontId="2"/>
  </si>
  <si>
    <t>中心静脈栄養</t>
    <phoneticPr fontId="2"/>
  </si>
  <si>
    <t>ストマ　（消化管）</t>
    <phoneticPr fontId="2"/>
  </si>
  <si>
    <t>人工呼吸器</t>
    <phoneticPr fontId="2"/>
  </si>
  <si>
    <t>在宅酸素</t>
    <phoneticPr fontId="2"/>
  </si>
  <si>
    <t>膀胱瘻</t>
    <phoneticPr fontId="2"/>
  </si>
  <si>
    <t>中心静脈栄養</t>
    <phoneticPr fontId="2"/>
  </si>
  <si>
    <t>疼痛管理</t>
    <phoneticPr fontId="2"/>
  </si>
  <si>
    <t>膀胱瘻</t>
    <phoneticPr fontId="2"/>
  </si>
  <si>
    <t>人工呼吸器</t>
    <phoneticPr fontId="2"/>
  </si>
  <si>
    <t>在宅酸素</t>
    <phoneticPr fontId="2"/>
  </si>
  <si>
    <t>疼痛管理</t>
    <phoneticPr fontId="2"/>
  </si>
  <si>
    <t>喀痰吸引</t>
    <phoneticPr fontId="2"/>
  </si>
  <si>
    <t>アレルギー</t>
    <phoneticPr fontId="2"/>
  </si>
  <si>
    <t>　有</t>
  </si>
  <si>
    <t>（</t>
    <phoneticPr fontId="34"/>
  </si>
  <si>
    <t>喀痰吸引</t>
    <phoneticPr fontId="2"/>
  </si>
  <si>
    <t>膀胱瘻</t>
    <phoneticPr fontId="2"/>
  </si>
  <si>
    <t>腎瘻</t>
    <phoneticPr fontId="2"/>
  </si>
  <si>
    <t>主たる介護者である夫の介護疲れが顕著であり、今回の入院がなかったとしてもサービス調整が必要であった。
そのため、今後の退院に当たっては、身体状況の見通しがついた時点から対応が必要であるため、早期からの連携をお願いしたい。</t>
    <rPh sb="0" eb="1">
      <t>シュ</t>
    </rPh>
    <rPh sb="3" eb="6">
      <t>カイゴシャ</t>
    </rPh>
    <rPh sb="9" eb="10">
      <t>オット</t>
    </rPh>
    <rPh sb="11" eb="13">
      <t>カイゴ</t>
    </rPh>
    <rPh sb="13" eb="14">
      <t>ヅカ</t>
    </rPh>
    <rPh sb="16" eb="18">
      <t>ケンチョ</t>
    </rPh>
    <rPh sb="22" eb="24">
      <t>コンカイ</t>
    </rPh>
    <rPh sb="25" eb="27">
      <t>ニュウイン</t>
    </rPh>
    <rPh sb="40" eb="42">
      <t>チョウセイ</t>
    </rPh>
    <rPh sb="43" eb="45">
      <t>ヒツヨウ</t>
    </rPh>
    <rPh sb="56" eb="58">
      <t>コンゴ</t>
    </rPh>
    <rPh sb="59" eb="61">
      <t>タイイン</t>
    </rPh>
    <rPh sb="62" eb="63">
      <t>ア</t>
    </rPh>
    <rPh sb="68" eb="70">
      <t>シンタイ</t>
    </rPh>
    <rPh sb="70" eb="72">
      <t>ジョウキョウ</t>
    </rPh>
    <rPh sb="73" eb="75">
      <t>ミトオ</t>
    </rPh>
    <rPh sb="80" eb="82">
      <t>ジテン</t>
    </rPh>
    <rPh sb="84" eb="86">
      <t>タイオウ</t>
    </rPh>
    <rPh sb="87" eb="89">
      <t>ヒツヨウ</t>
    </rPh>
    <rPh sb="95" eb="97">
      <t>ソウキ</t>
    </rPh>
    <rPh sb="100" eb="102">
      <t>レンケイ</t>
    </rPh>
    <rPh sb="104" eb="105">
      <t>ネガ</t>
    </rPh>
    <phoneticPr fontId="2"/>
  </si>
  <si>
    <t>在宅酸素</t>
    <phoneticPr fontId="2"/>
  </si>
  <si>
    <t>膀胱瘻</t>
    <phoneticPr fontId="2"/>
  </si>
  <si>
    <t>処方通り</t>
    <phoneticPr fontId="2"/>
  </si>
  <si>
    <t>服薬拒否</t>
    <phoneticPr fontId="2"/>
  </si>
  <si>
    <t>他者</t>
    <phoneticPr fontId="2"/>
  </si>
  <si>
    <t>せん妄</t>
    <phoneticPr fontId="2"/>
  </si>
  <si>
    <t>妄想</t>
    <phoneticPr fontId="2"/>
  </si>
  <si>
    <t>暴力</t>
    <phoneticPr fontId="2"/>
  </si>
  <si>
    <t>暴言</t>
    <phoneticPr fontId="2"/>
  </si>
  <si>
    <t>幻覚</t>
    <phoneticPr fontId="2"/>
  </si>
  <si>
    <t>錯覚</t>
    <phoneticPr fontId="2"/>
  </si>
  <si>
    <t>徘徊</t>
    <phoneticPr fontId="2"/>
  </si>
  <si>
    <t>うつ</t>
    <phoneticPr fontId="2"/>
  </si>
  <si>
    <t>・</t>
    <phoneticPr fontId="2"/>
  </si>
  <si>
    <t>　無</t>
    <phoneticPr fontId="43"/>
  </si>
  <si>
    <t>　有</t>
    <phoneticPr fontId="43"/>
  </si>
  <si>
    <t>申請中（　　　</t>
    <rPh sb="0" eb="3">
      <t>シンセイチュウ</t>
    </rPh>
    <phoneticPr fontId="2"/>
  </si>
  <si>
    <t>日付)</t>
    <rPh sb="0" eb="1">
      <t>ニチ</t>
    </rPh>
    <rPh sb="1" eb="2">
      <t>ツ</t>
    </rPh>
    <phoneticPr fontId="2"/>
  </si>
  <si>
    <t>相模川クリニック</t>
    <rPh sb="0" eb="2">
      <t>サガミ</t>
    </rPh>
    <rPh sb="2" eb="3">
      <t>ガワ</t>
    </rPh>
    <phoneticPr fontId="2"/>
  </si>
  <si>
    <t>相模川　真二</t>
    <rPh sb="0" eb="2">
      <t>サガミ</t>
    </rPh>
    <rPh sb="2" eb="3">
      <t>ガワ</t>
    </rPh>
    <rPh sb="4" eb="6">
      <t>シンジ</t>
    </rPh>
    <phoneticPr fontId="2"/>
  </si>
  <si>
    <t>046-000-0000</t>
    <phoneticPr fontId="2"/>
  </si>
  <si>
    <t>224-1111</t>
    <phoneticPr fontId="2"/>
  </si>
  <si>
    <t>225-4146</t>
    <phoneticPr fontId="2"/>
  </si>
  <si>
    <t>厚木市水引2-3-1</t>
    <rPh sb="0" eb="3">
      <t>アツギシ</t>
    </rPh>
    <rPh sb="3" eb="5">
      <t>ミズヒキ</t>
    </rPh>
    <phoneticPr fontId="2"/>
  </si>
  <si>
    <t>046-000-0000</t>
    <phoneticPr fontId="2"/>
  </si>
  <si>
    <t>03-0000-0000</t>
    <phoneticPr fontId="2"/>
  </si>
  <si>
    <t>かかりつけ医
（連絡先）</t>
    <rPh sb="5" eb="6">
      <t>イ</t>
    </rPh>
    <phoneticPr fontId="2"/>
  </si>
  <si>
    <t>既往歴
現病歴
経過</t>
    <rPh sb="0" eb="2">
      <t>キオウ</t>
    </rPh>
    <rPh sb="2" eb="3">
      <t>レキ</t>
    </rPh>
    <rPh sb="4" eb="7">
      <t>ゲンビョウレキ</t>
    </rPh>
    <rPh sb="8" eb="10">
      <t>ケイカ</t>
    </rPh>
    <phoneticPr fontId="2"/>
  </si>
  <si>
    <t>厚木</t>
    <rPh sb="0" eb="2">
      <t>アツギ</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55" x14ac:knownFonts="1">
    <font>
      <sz val="11"/>
      <color theme="1"/>
      <name val="ＭＳ Ｐゴシック"/>
      <family val="2"/>
      <scheme val="minor"/>
    </font>
    <font>
      <sz val="18"/>
      <color theme="1"/>
      <name val="MS UI Gothic"/>
      <family val="3"/>
      <charset val="128"/>
    </font>
    <font>
      <sz val="6"/>
      <name val="ＭＳ Ｐゴシック"/>
      <family val="3"/>
      <charset val="128"/>
      <scheme val="minor"/>
    </font>
    <font>
      <sz val="9"/>
      <color theme="1"/>
      <name val="MS UI Gothic"/>
      <family val="3"/>
      <charset val="128"/>
    </font>
    <font>
      <sz val="16"/>
      <color theme="1"/>
      <name val="MS UI Gothic"/>
      <family val="3"/>
      <charset val="128"/>
    </font>
    <font>
      <sz val="20"/>
      <color theme="1"/>
      <name val="ＭＳ Ｐゴシック"/>
      <family val="3"/>
      <charset val="128"/>
      <scheme val="minor"/>
    </font>
    <font>
      <sz val="9"/>
      <color theme="1"/>
      <name val="ＭＳ Ｐゴシック"/>
      <family val="2"/>
      <scheme val="minor"/>
    </font>
    <font>
      <sz val="7"/>
      <color theme="1"/>
      <name val="MS UI Gothic"/>
      <family val="3"/>
      <charset val="128"/>
    </font>
    <font>
      <sz val="6"/>
      <color theme="1"/>
      <name val="MS UI Gothic"/>
      <family val="3"/>
      <charset val="128"/>
    </font>
    <font>
      <sz val="9"/>
      <name val="MS UI Gothic"/>
      <family val="3"/>
      <charset val="128"/>
    </font>
    <font>
      <sz val="11"/>
      <color theme="1"/>
      <name val="HG教科書体"/>
      <family val="1"/>
      <charset val="128"/>
    </font>
    <font>
      <sz val="9"/>
      <color theme="0" tint="-0.34998626667073579"/>
      <name val="MS UI Gothic"/>
      <family val="3"/>
      <charset val="128"/>
    </font>
    <font>
      <b/>
      <sz val="9"/>
      <color theme="1"/>
      <name val="MS UI Gothic"/>
      <family val="3"/>
      <charset val="128"/>
    </font>
    <font>
      <b/>
      <sz val="10"/>
      <color theme="1"/>
      <name val="HG教科書体"/>
      <family val="1"/>
      <charset val="128"/>
    </font>
    <font>
      <b/>
      <sz val="11"/>
      <color theme="1"/>
      <name val="HG教科書体"/>
      <family val="1"/>
      <charset val="128"/>
    </font>
    <font>
      <b/>
      <sz val="12"/>
      <color theme="1"/>
      <name val="HG教科書体"/>
      <family val="1"/>
      <charset val="128"/>
    </font>
    <font>
      <b/>
      <sz val="9"/>
      <color theme="1"/>
      <name val="HG教科書体"/>
      <family val="1"/>
      <charset val="128"/>
    </font>
    <font>
      <b/>
      <i/>
      <sz val="9"/>
      <color theme="1"/>
      <name val="MS UI Gothic"/>
      <family val="3"/>
      <charset val="128"/>
    </font>
    <font>
      <vertAlign val="superscript"/>
      <sz val="9"/>
      <color theme="1"/>
      <name val="MS UI Gothic"/>
      <family val="3"/>
      <charset val="128"/>
    </font>
    <font>
      <b/>
      <i/>
      <sz val="9"/>
      <color rgb="FFFF0000"/>
      <name val="MS UI Gothic"/>
      <family val="3"/>
      <charset val="128"/>
    </font>
    <font>
      <u val="double"/>
      <sz val="9"/>
      <name val="MS UI Gothic"/>
      <family val="3"/>
      <charset val="128"/>
    </font>
    <font>
      <u val="double"/>
      <sz val="9"/>
      <color theme="1"/>
      <name val="MS UI Gothic"/>
      <family val="3"/>
      <charset val="128"/>
    </font>
    <font>
      <u/>
      <sz val="9"/>
      <name val="MS UI Gothic"/>
      <family val="3"/>
      <charset val="128"/>
    </font>
    <font>
      <b/>
      <sz val="12"/>
      <name val="HG教科書体"/>
      <family val="1"/>
      <charset val="128"/>
    </font>
    <font>
      <u/>
      <sz val="9"/>
      <color theme="1"/>
      <name val="MS UI Gothic"/>
      <family val="3"/>
      <charset val="128"/>
    </font>
    <font>
      <sz val="8"/>
      <name val="MS UI Gothic"/>
      <family val="3"/>
      <charset val="128"/>
    </font>
    <font>
      <sz val="9"/>
      <color rgb="FFFF0000"/>
      <name val="MS UI Gothic"/>
      <family val="3"/>
      <charset val="128"/>
    </font>
    <font>
      <sz val="10"/>
      <color theme="1"/>
      <name val="MS UI Gothic"/>
      <family val="3"/>
      <charset val="128"/>
    </font>
    <font>
      <b/>
      <sz val="11"/>
      <color theme="1"/>
      <name val="ＭＳ Ｐゴシック"/>
      <family val="2"/>
      <scheme val="minor"/>
    </font>
    <font>
      <sz val="16"/>
      <name val="MS UI Gothic"/>
      <family val="3"/>
      <charset val="128"/>
    </font>
    <font>
      <sz val="18"/>
      <name val="MS UI Gothic"/>
      <family val="3"/>
      <charset val="128"/>
    </font>
    <font>
      <b/>
      <sz val="14"/>
      <color theme="1"/>
      <name val="HG教科書体"/>
      <family val="1"/>
      <charset val="128"/>
    </font>
    <font>
      <b/>
      <sz val="11"/>
      <name val="HG教科書体"/>
      <family val="1"/>
      <charset val="128"/>
    </font>
    <font>
      <b/>
      <sz val="9"/>
      <name val="HG教科書体"/>
      <family val="1"/>
      <charset val="128"/>
    </font>
    <font>
      <sz val="6"/>
      <color indexed="10"/>
      <name val="HG教科書体"/>
      <family val="3"/>
      <charset val="128"/>
    </font>
    <font>
      <b/>
      <sz val="10"/>
      <name val="HG教科書体"/>
      <family val="1"/>
      <charset val="128"/>
    </font>
    <font>
      <sz val="9"/>
      <color theme="1"/>
      <name val="ＭＳ Ｐゴシック"/>
      <family val="3"/>
      <charset val="128"/>
      <scheme val="minor"/>
    </font>
    <font>
      <sz val="9"/>
      <name val="ＭＳ Ｐゴシック"/>
      <family val="3"/>
      <charset val="128"/>
      <scheme val="minor"/>
    </font>
    <font>
      <sz val="9"/>
      <color theme="1"/>
      <name val="HG教科書体"/>
      <family val="1"/>
      <charset val="128"/>
    </font>
    <font>
      <sz val="9"/>
      <name val="ＭＳ Ｐゴシック"/>
      <family val="2"/>
      <scheme val="minor"/>
    </font>
    <font>
      <sz val="8"/>
      <color theme="1"/>
      <name val="MS UI Gothic"/>
      <family val="3"/>
      <charset val="128"/>
    </font>
    <font>
      <sz val="9"/>
      <color rgb="FFFF0000"/>
      <name val="HG教科書体"/>
      <family val="1"/>
      <charset val="128"/>
    </font>
    <font>
      <sz val="6"/>
      <color theme="1"/>
      <name val="ＭＳ Ｐゴシック"/>
      <family val="2"/>
      <scheme val="minor"/>
    </font>
    <font>
      <sz val="6"/>
      <name val="HG教科書体"/>
      <family val="3"/>
      <charset val="128"/>
    </font>
    <font>
      <b/>
      <sz val="12"/>
      <color rgb="FFFF0000"/>
      <name val="HG教科書体"/>
      <family val="1"/>
      <charset val="128"/>
    </font>
    <font>
      <b/>
      <sz val="14"/>
      <color rgb="FFFF0000"/>
      <name val="HG教科書体"/>
      <family val="1"/>
      <charset val="128"/>
    </font>
    <font>
      <b/>
      <sz val="10"/>
      <color rgb="FFFF0000"/>
      <name val="HG教科書体"/>
      <family val="1"/>
      <charset val="128"/>
    </font>
    <font>
      <b/>
      <sz val="9"/>
      <color rgb="FFFF0000"/>
      <name val="HG教科書体"/>
      <family val="1"/>
      <charset val="128"/>
    </font>
    <font>
      <b/>
      <sz val="11"/>
      <color rgb="FFFF0000"/>
      <name val="HG教科書体"/>
      <family val="1"/>
      <charset val="128"/>
    </font>
    <font>
      <b/>
      <sz val="9"/>
      <color theme="0" tint="-0.34998626667073579"/>
      <name val="HG教科書体"/>
      <family val="1"/>
      <charset val="128"/>
    </font>
    <font>
      <b/>
      <sz val="11"/>
      <color rgb="FFFF0000"/>
      <name val="ＭＳ Ｐゴシック"/>
      <family val="2"/>
      <scheme val="minor"/>
    </font>
    <font>
      <sz val="7"/>
      <color theme="0" tint="-0.34998626667073579"/>
      <name val="MS UI Gothic"/>
      <family val="3"/>
      <charset val="128"/>
    </font>
    <font>
      <b/>
      <sz val="10"/>
      <color theme="0" tint="-0.34998626667073579"/>
      <name val="HG教科書体"/>
      <family val="1"/>
      <charset val="128"/>
    </font>
    <font>
      <b/>
      <sz val="11"/>
      <color theme="0" tint="-0.34998626667073579"/>
      <name val="HG教科書体"/>
      <family val="1"/>
      <charset val="128"/>
    </font>
    <font>
      <b/>
      <sz val="9"/>
      <color indexed="10"/>
      <name val="ＭＳ Ｐゴシック"/>
      <family val="3"/>
      <charset val="128"/>
    </font>
  </fonts>
  <fills count="5">
    <fill>
      <patternFill patternType="none"/>
    </fill>
    <fill>
      <patternFill patternType="gray125"/>
    </fill>
    <fill>
      <patternFill patternType="solid">
        <fgColor theme="4" tint="0.59999389629810485"/>
        <bgColor indexed="64"/>
      </patternFill>
    </fill>
    <fill>
      <patternFill patternType="solid">
        <fgColor theme="0"/>
        <bgColor indexed="64"/>
      </patternFill>
    </fill>
    <fill>
      <patternFill patternType="solid">
        <fgColor theme="9" tint="0.59999389629810485"/>
        <bgColor indexed="64"/>
      </patternFill>
    </fill>
  </fills>
  <borders count="110">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thin">
        <color indexed="64"/>
      </bottom>
      <diagonal/>
    </border>
    <border>
      <left/>
      <right/>
      <top/>
      <bottom style="thin">
        <color indexed="64"/>
      </bottom>
      <diagonal/>
    </border>
    <border>
      <left/>
      <right style="medium">
        <color indexed="64"/>
      </right>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right style="thin">
        <color indexed="64"/>
      </right>
      <top style="medium">
        <color indexed="64"/>
      </top>
      <bottom/>
      <diagonal/>
    </border>
    <border>
      <left style="thin">
        <color indexed="64"/>
      </left>
      <right/>
      <top style="medium">
        <color indexed="64"/>
      </top>
      <bottom/>
      <diagonal/>
    </border>
    <border>
      <left/>
      <right style="thin">
        <color indexed="64"/>
      </right>
      <top/>
      <bottom style="thin">
        <color indexed="64"/>
      </bottom>
      <diagonal/>
    </border>
    <border>
      <left style="thin">
        <color indexed="64"/>
      </left>
      <right/>
      <top/>
      <bottom style="thin">
        <color indexed="64"/>
      </bottom>
      <diagonal/>
    </border>
    <border>
      <left style="medium">
        <color indexed="64"/>
      </left>
      <right/>
      <top style="thin">
        <color indexed="64"/>
      </top>
      <bottom/>
      <diagonal/>
    </border>
    <border>
      <left/>
      <right style="thin">
        <color indexed="64"/>
      </right>
      <top/>
      <bottom/>
      <diagonal/>
    </border>
    <border>
      <left style="thin">
        <color indexed="64"/>
      </left>
      <right/>
      <top/>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right/>
      <top style="hair">
        <color indexed="64"/>
      </top>
      <bottom style="hair">
        <color indexed="64"/>
      </bottom>
      <diagonal/>
    </border>
    <border>
      <left/>
      <right style="medium">
        <color indexed="64"/>
      </right>
      <top style="hair">
        <color indexed="64"/>
      </top>
      <bottom style="hair">
        <color indexed="64"/>
      </bottom>
      <diagonal/>
    </border>
    <border>
      <left/>
      <right/>
      <top style="hair">
        <color indexed="64"/>
      </top>
      <bottom style="thin">
        <color indexed="64"/>
      </bottom>
      <diagonal/>
    </border>
    <border>
      <left/>
      <right style="medium">
        <color indexed="64"/>
      </right>
      <top style="hair">
        <color indexed="64"/>
      </top>
      <bottom style="thin">
        <color indexed="64"/>
      </bottom>
      <diagonal/>
    </border>
    <border>
      <left style="hair">
        <color indexed="64"/>
      </left>
      <right/>
      <top style="thin">
        <color indexed="64"/>
      </top>
      <bottom style="thin">
        <color indexed="64"/>
      </bottom>
      <diagonal/>
    </border>
    <border>
      <left style="medium">
        <color indexed="64"/>
      </left>
      <right style="hair">
        <color indexed="64"/>
      </right>
      <top style="thin">
        <color indexed="64"/>
      </top>
      <bottom style="thin">
        <color indexed="64"/>
      </bottom>
      <diagonal/>
    </border>
    <border>
      <left style="medium">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medium">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medium">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thin">
        <color indexed="64"/>
      </top>
      <bottom style="hair">
        <color indexed="64"/>
      </bottom>
      <diagonal/>
    </border>
    <border>
      <left/>
      <right style="hair">
        <color indexed="64"/>
      </right>
      <top style="thin">
        <color indexed="64"/>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right style="thin">
        <color indexed="64"/>
      </right>
      <top style="thin">
        <color indexed="64"/>
      </top>
      <bottom style="hair">
        <color indexed="64"/>
      </bottom>
      <diagonal/>
    </border>
    <border>
      <left/>
      <right/>
      <top/>
      <bottom style="hair">
        <color indexed="64"/>
      </bottom>
      <diagonal/>
    </border>
    <border>
      <left/>
      <right style="hair">
        <color indexed="64"/>
      </right>
      <top/>
      <bottom style="hair">
        <color indexed="64"/>
      </bottom>
      <diagonal/>
    </border>
    <border>
      <left/>
      <right style="thin">
        <color indexed="64"/>
      </right>
      <top style="hair">
        <color indexed="64"/>
      </top>
      <bottom style="hair">
        <color indexed="64"/>
      </bottom>
      <diagonal/>
    </border>
    <border>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style="hair">
        <color indexed="64"/>
      </left>
      <right/>
      <top/>
      <bottom style="hair">
        <color indexed="64"/>
      </bottom>
      <diagonal/>
    </border>
    <border>
      <left/>
      <right style="thin">
        <color indexed="64"/>
      </right>
      <top/>
      <bottom style="hair">
        <color indexed="64"/>
      </bottom>
      <diagonal/>
    </border>
    <border>
      <left/>
      <right style="hair">
        <color indexed="64"/>
      </right>
      <top style="thin">
        <color indexed="64"/>
      </top>
      <bottom style="thin">
        <color indexed="64"/>
      </bottom>
      <diagonal/>
    </border>
    <border>
      <left style="medium">
        <color indexed="64"/>
      </left>
      <right style="hair">
        <color indexed="64"/>
      </right>
      <top style="thin">
        <color indexed="64"/>
      </top>
      <bottom/>
      <diagonal/>
    </border>
    <border>
      <left style="medium">
        <color indexed="64"/>
      </left>
      <right style="hair">
        <color indexed="64"/>
      </right>
      <top/>
      <bottom/>
      <diagonal/>
    </border>
    <border>
      <left style="medium">
        <color indexed="64"/>
      </left>
      <right style="hair">
        <color indexed="64"/>
      </right>
      <top/>
      <bottom style="thin">
        <color indexed="64"/>
      </bottom>
      <diagonal/>
    </border>
    <border>
      <left/>
      <right style="hair">
        <color indexed="64"/>
      </right>
      <top/>
      <bottom/>
      <diagonal/>
    </border>
    <border>
      <left/>
      <right style="hair">
        <color indexed="64"/>
      </right>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top/>
      <bottom style="thin">
        <color indexed="64"/>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style="thin">
        <color indexed="64"/>
      </left>
      <right style="hair">
        <color indexed="64"/>
      </right>
      <top/>
      <bottom style="thin">
        <color indexed="64"/>
      </bottom>
      <diagonal/>
    </border>
    <border>
      <left style="hair">
        <color indexed="64"/>
      </left>
      <right style="medium">
        <color indexed="64"/>
      </right>
      <top/>
      <bottom style="thin">
        <color indexed="64"/>
      </bottom>
      <diagonal/>
    </border>
    <border>
      <left/>
      <right style="hair">
        <color indexed="64"/>
      </right>
      <top style="thin">
        <color indexed="64"/>
      </top>
      <bottom/>
      <diagonal/>
    </border>
    <border>
      <left/>
      <right style="hair">
        <color indexed="64"/>
      </right>
      <top style="medium">
        <color indexed="64"/>
      </top>
      <bottom/>
      <diagonal/>
    </border>
    <border>
      <left style="thin">
        <color indexed="64"/>
      </left>
      <right style="hair">
        <color indexed="64"/>
      </right>
      <top style="medium">
        <color indexed="64"/>
      </top>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right style="medium">
        <color indexed="64"/>
      </right>
      <top/>
      <bottom style="hair">
        <color indexed="64"/>
      </bottom>
      <diagonal/>
    </border>
    <border>
      <left style="hair">
        <color indexed="64"/>
      </left>
      <right/>
      <top style="thin">
        <color indexed="64"/>
      </top>
      <bottom/>
      <diagonal/>
    </border>
    <border>
      <left style="hair">
        <color indexed="64"/>
      </left>
      <right/>
      <top/>
      <bottom/>
      <diagonal/>
    </border>
    <border>
      <left style="hair">
        <color indexed="64"/>
      </left>
      <right style="medium">
        <color indexed="64"/>
      </right>
      <top style="hair">
        <color indexed="64"/>
      </top>
      <bottom style="hair">
        <color indexed="64"/>
      </bottom>
      <diagonal/>
    </border>
    <border>
      <left style="medium">
        <color indexed="64"/>
      </left>
      <right style="hair">
        <color indexed="64"/>
      </right>
      <top style="medium">
        <color indexed="64"/>
      </top>
      <bottom style="hair">
        <color indexed="64"/>
      </bottom>
      <diagonal/>
    </border>
    <border>
      <left style="hair">
        <color indexed="64"/>
      </left>
      <right style="hair">
        <color indexed="64"/>
      </right>
      <top style="medium">
        <color indexed="64"/>
      </top>
      <bottom style="hair">
        <color indexed="64"/>
      </bottom>
      <diagonal/>
    </border>
    <border>
      <left style="hair">
        <color indexed="64"/>
      </left>
      <right style="medium">
        <color indexed="64"/>
      </right>
      <top style="medium">
        <color indexed="64"/>
      </top>
      <bottom style="hair">
        <color indexed="64"/>
      </bottom>
      <diagonal/>
    </border>
    <border>
      <left style="medium">
        <color indexed="64"/>
      </left>
      <right style="hair">
        <color indexed="64"/>
      </right>
      <top style="hair">
        <color indexed="64"/>
      </top>
      <bottom style="medium">
        <color indexed="64"/>
      </bottom>
      <diagonal/>
    </border>
    <border>
      <left style="hair">
        <color indexed="64"/>
      </left>
      <right style="hair">
        <color indexed="64"/>
      </right>
      <top style="hair">
        <color indexed="64"/>
      </top>
      <bottom style="medium">
        <color indexed="64"/>
      </bottom>
      <diagonal/>
    </border>
    <border>
      <left style="hair">
        <color indexed="64"/>
      </left>
      <right style="medium">
        <color indexed="64"/>
      </right>
      <top style="hair">
        <color indexed="64"/>
      </top>
      <bottom style="medium">
        <color indexed="64"/>
      </bottom>
      <diagonal/>
    </border>
    <border>
      <left style="hair">
        <color indexed="64"/>
      </left>
      <right/>
      <top style="hair">
        <color indexed="64"/>
      </top>
      <bottom/>
      <diagonal/>
    </border>
    <border>
      <left/>
      <right/>
      <top style="hair">
        <color indexed="64"/>
      </top>
      <bottom/>
      <diagonal/>
    </border>
    <border>
      <left/>
      <right style="medium">
        <color indexed="64"/>
      </right>
      <top style="hair">
        <color indexed="64"/>
      </top>
      <bottom/>
      <diagonal/>
    </border>
    <border>
      <left/>
      <right style="thin">
        <color indexed="64"/>
      </right>
      <top style="hair">
        <color indexed="64"/>
      </top>
      <bottom style="thin">
        <color indexed="64"/>
      </bottom>
      <diagonal/>
    </border>
    <border>
      <left/>
      <right style="thin">
        <color indexed="64"/>
      </right>
      <top style="thin">
        <color indexed="64"/>
      </top>
      <bottom/>
      <diagonal/>
    </border>
    <border>
      <left style="thin">
        <color indexed="64"/>
      </left>
      <right style="hair">
        <color indexed="64"/>
      </right>
      <top style="thin">
        <color indexed="64"/>
      </top>
      <bottom style="thin">
        <color indexed="64"/>
      </bottom>
      <diagonal/>
    </border>
    <border>
      <left/>
      <right style="thin">
        <color theme="0"/>
      </right>
      <top style="hair">
        <color indexed="64"/>
      </top>
      <bottom/>
      <diagonal/>
    </border>
    <border>
      <left style="thin">
        <color theme="0"/>
      </left>
      <right style="thin">
        <color theme="0"/>
      </right>
      <top style="hair">
        <color indexed="64"/>
      </top>
      <bottom/>
      <diagonal/>
    </border>
    <border>
      <left style="thin">
        <color theme="0"/>
      </left>
      <right/>
      <top style="hair">
        <color indexed="64"/>
      </top>
      <bottom/>
      <diagonal/>
    </border>
    <border>
      <left style="hair">
        <color indexed="64"/>
      </left>
      <right style="thin">
        <color theme="0"/>
      </right>
      <top style="thin">
        <color indexed="64"/>
      </top>
      <bottom style="hair">
        <color theme="0"/>
      </bottom>
      <diagonal/>
    </border>
    <border>
      <left style="thin">
        <color theme="0"/>
      </left>
      <right style="thin">
        <color theme="0"/>
      </right>
      <top style="thin">
        <color indexed="64"/>
      </top>
      <bottom style="hair">
        <color theme="0"/>
      </bottom>
      <diagonal/>
    </border>
    <border>
      <left style="thin">
        <color theme="0"/>
      </left>
      <right/>
      <top style="thin">
        <color indexed="64"/>
      </top>
      <bottom style="hair">
        <color theme="0"/>
      </bottom>
      <diagonal/>
    </border>
    <border>
      <left style="hair">
        <color indexed="64"/>
      </left>
      <right style="thin">
        <color theme="0"/>
      </right>
      <top/>
      <bottom style="thin">
        <color indexed="64"/>
      </bottom>
      <diagonal/>
    </border>
    <border>
      <left style="thin">
        <color theme="0"/>
      </left>
      <right style="thin">
        <color theme="0"/>
      </right>
      <top/>
      <bottom style="thin">
        <color indexed="64"/>
      </bottom>
      <diagonal/>
    </border>
    <border>
      <left style="thin">
        <color theme="0"/>
      </left>
      <right/>
      <top/>
      <bottom style="thin">
        <color indexed="64"/>
      </bottom>
      <diagonal/>
    </border>
    <border>
      <left style="hair">
        <color indexed="64"/>
      </left>
      <right style="thin">
        <color theme="0"/>
      </right>
      <top style="thin">
        <color indexed="64"/>
      </top>
      <bottom style="thin">
        <color theme="0"/>
      </bottom>
      <diagonal/>
    </border>
    <border>
      <left style="thin">
        <color theme="0"/>
      </left>
      <right style="thin">
        <color theme="0"/>
      </right>
      <top style="thin">
        <color indexed="64"/>
      </top>
      <bottom style="thin">
        <color theme="0"/>
      </bottom>
      <diagonal/>
    </border>
    <border>
      <left style="thin">
        <color theme="0"/>
      </left>
      <right/>
      <top style="thin">
        <color indexed="64"/>
      </top>
      <bottom style="thin">
        <color theme="0"/>
      </bottom>
      <diagonal/>
    </border>
    <border>
      <left style="hair">
        <color indexed="64"/>
      </left>
      <right style="thin">
        <color theme="0"/>
      </right>
      <top style="thin">
        <color theme="0"/>
      </top>
      <bottom style="thin">
        <color indexed="64"/>
      </bottom>
      <diagonal/>
    </border>
    <border>
      <left style="thin">
        <color theme="0"/>
      </left>
      <right style="thin">
        <color theme="0"/>
      </right>
      <top style="thin">
        <color theme="0"/>
      </top>
      <bottom style="thin">
        <color indexed="64"/>
      </bottom>
      <diagonal/>
    </border>
    <border>
      <left/>
      <right style="thin">
        <color indexed="64"/>
      </right>
      <top style="hair">
        <color indexed="64"/>
      </top>
      <bottom/>
      <diagonal/>
    </border>
  </borders>
  <cellStyleXfs count="1">
    <xf numFmtId="0" fontId="0" fillId="0" borderId="0"/>
  </cellStyleXfs>
  <cellXfs count="758">
    <xf numFmtId="0" fontId="0" fillId="0" borderId="0" xfId="0"/>
    <xf numFmtId="0" fontId="1" fillId="0" borderId="0" xfId="0" applyFont="1" applyAlignment="1">
      <alignment vertical="center"/>
    </xf>
    <xf numFmtId="0" fontId="3" fillId="0" borderId="0" xfId="0" applyFont="1" applyAlignment="1">
      <alignment vertical="center"/>
    </xf>
    <xf numFmtId="0" fontId="5" fillId="0" borderId="0" xfId="0" applyFont="1" applyAlignment="1">
      <alignment horizontal="center" vertical="center"/>
    </xf>
    <xf numFmtId="0" fontId="3" fillId="0" borderId="8" xfId="0" applyFont="1" applyBorder="1" applyAlignment="1">
      <alignment vertical="center"/>
    </xf>
    <xf numFmtId="0" fontId="3" fillId="0" borderId="11" xfId="0" applyFont="1" applyBorder="1" applyAlignment="1">
      <alignment vertical="center"/>
    </xf>
    <xf numFmtId="0" fontId="3" fillId="0" borderId="2" xfId="0" applyFont="1" applyBorder="1" applyAlignment="1">
      <alignment horizontal="right" vertical="center"/>
    </xf>
    <xf numFmtId="0" fontId="3" fillId="0" borderId="20" xfId="0" applyFont="1" applyBorder="1" applyAlignment="1">
      <alignment vertical="center"/>
    </xf>
    <xf numFmtId="0" fontId="3" fillId="0" borderId="5" xfId="0" applyFont="1" applyBorder="1" applyAlignment="1">
      <alignment horizontal="right" vertical="center"/>
    </xf>
    <xf numFmtId="0" fontId="3" fillId="0" borderId="0" xfId="0" applyFont="1" applyBorder="1" applyAlignment="1"/>
    <xf numFmtId="0" fontId="3" fillId="0" borderId="13" xfId="0" applyFont="1" applyBorder="1" applyAlignment="1"/>
    <xf numFmtId="0" fontId="3" fillId="0" borderId="0" xfId="0" applyFont="1" applyBorder="1" applyAlignment="1">
      <alignment vertical="top"/>
    </xf>
    <xf numFmtId="0" fontId="3" fillId="0" borderId="27" xfId="0" applyFont="1" applyBorder="1" applyAlignment="1">
      <alignment vertical="center"/>
    </xf>
    <xf numFmtId="0" fontId="3" fillId="0" borderId="28" xfId="0" applyFont="1" applyBorder="1" applyAlignment="1">
      <alignment vertical="center"/>
    </xf>
    <xf numFmtId="0" fontId="3" fillId="0" borderId="29" xfId="0" applyFont="1" applyBorder="1" applyAlignment="1">
      <alignment vertical="center"/>
    </xf>
    <xf numFmtId="0" fontId="3" fillId="0" borderId="30" xfId="0" applyFont="1" applyBorder="1" applyAlignment="1">
      <alignment vertical="center"/>
    </xf>
    <xf numFmtId="0" fontId="3" fillId="0" borderId="5" xfId="0" applyFont="1" applyBorder="1" applyAlignment="1">
      <alignment horizontal="left" vertical="center"/>
    </xf>
    <xf numFmtId="0" fontId="3" fillId="0" borderId="0" xfId="0" applyFont="1" applyBorder="1" applyAlignment="1">
      <alignment horizontal="center" vertical="center"/>
    </xf>
    <xf numFmtId="0" fontId="0" fillId="0" borderId="12" xfId="0" applyBorder="1" applyAlignment="1">
      <alignment vertical="center" textRotation="45"/>
    </xf>
    <xf numFmtId="0" fontId="0" fillId="0" borderId="0" xfId="0" applyBorder="1" applyAlignment="1">
      <alignment vertical="center"/>
    </xf>
    <xf numFmtId="0" fontId="3" fillId="0" borderId="31" xfId="0" applyFont="1" applyBorder="1" applyAlignment="1">
      <alignment vertical="center"/>
    </xf>
    <xf numFmtId="0" fontId="3" fillId="0" borderId="32" xfId="0" applyFont="1" applyBorder="1" applyAlignment="1">
      <alignment vertical="center"/>
    </xf>
    <xf numFmtId="0" fontId="3" fillId="0" borderId="18" xfId="0" applyFont="1" applyFill="1" applyBorder="1" applyAlignment="1">
      <alignment vertical="center"/>
    </xf>
    <xf numFmtId="49" fontId="3" fillId="0" borderId="0" xfId="0" applyNumberFormat="1" applyFont="1" applyAlignment="1">
      <alignment vertical="center"/>
    </xf>
    <xf numFmtId="0" fontId="3" fillId="0" borderId="0" xfId="0" applyFont="1" applyBorder="1" applyAlignment="1">
      <alignment horizontal="right" vertical="center"/>
    </xf>
    <xf numFmtId="49" fontId="3" fillId="0" borderId="0" xfId="0" applyNumberFormat="1" applyFont="1" applyBorder="1" applyAlignment="1">
      <alignment vertical="center"/>
    </xf>
    <xf numFmtId="0" fontId="7" fillId="0" borderId="0" xfId="0" applyFont="1" applyAlignment="1">
      <alignment vertical="center"/>
    </xf>
    <xf numFmtId="0" fontId="3" fillId="0" borderId="8" xfId="0" applyFont="1" applyFill="1" applyBorder="1" applyAlignment="1">
      <alignment horizontal="left" vertical="center"/>
    </xf>
    <xf numFmtId="0" fontId="3" fillId="0" borderId="0" xfId="0" applyFont="1" applyFill="1" applyBorder="1" applyAlignment="1">
      <alignment vertical="center"/>
    </xf>
    <xf numFmtId="0" fontId="3" fillId="0" borderId="18" xfId="0" applyFont="1" applyBorder="1" applyAlignment="1">
      <alignment horizontal="right" vertical="center"/>
    </xf>
    <xf numFmtId="0" fontId="3" fillId="0" borderId="19" xfId="0" applyFont="1" applyBorder="1" applyAlignment="1">
      <alignment horizontal="right" vertical="center"/>
    </xf>
    <xf numFmtId="0" fontId="3" fillId="0" borderId="5" xfId="0" applyFont="1" applyFill="1" applyBorder="1" applyAlignment="1">
      <alignment horizontal="center" vertical="center"/>
    </xf>
    <xf numFmtId="0" fontId="3" fillId="0" borderId="5" xfId="0" applyFont="1" applyFill="1" applyBorder="1" applyAlignment="1">
      <alignment vertical="center"/>
    </xf>
    <xf numFmtId="0" fontId="11" fillId="0" borderId="0" xfId="0" applyFont="1" applyAlignment="1">
      <alignment vertical="center"/>
    </xf>
    <xf numFmtId="0" fontId="12" fillId="0" borderId="0" xfId="0" applyFont="1" applyAlignment="1">
      <alignment horizontal="center" vertical="center"/>
    </xf>
    <xf numFmtId="0" fontId="0" fillId="0" borderId="12" xfId="0" applyBorder="1" applyAlignment="1">
      <alignment horizontal="center" vertical="center"/>
    </xf>
    <xf numFmtId="0" fontId="0" fillId="0" borderId="0" xfId="0" applyBorder="1" applyAlignment="1">
      <alignment horizontal="center" vertical="center"/>
    </xf>
    <xf numFmtId="0" fontId="3" fillId="0" borderId="19" xfId="0" applyFont="1" applyBorder="1" applyAlignment="1">
      <alignment vertical="center"/>
    </xf>
    <xf numFmtId="0" fontId="3" fillId="0" borderId="6" xfId="0" applyFont="1" applyBorder="1" applyAlignment="1">
      <alignment vertical="center"/>
    </xf>
    <xf numFmtId="0" fontId="3" fillId="0" borderId="12" xfId="0" applyFont="1" applyBorder="1" applyAlignment="1">
      <alignment vertical="center"/>
    </xf>
    <xf numFmtId="0" fontId="3" fillId="0" borderId="0" xfId="0" applyFont="1" applyBorder="1" applyAlignment="1">
      <alignment vertical="center"/>
    </xf>
    <xf numFmtId="0" fontId="3" fillId="0" borderId="5" xfId="0" applyFont="1" applyFill="1" applyBorder="1" applyAlignment="1">
      <alignment horizontal="left" vertical="center"/>
    </xf>
    <xf numFmtId="0" fontId="3" fillId="0" borderId="18" xfId="0" applyFont="1" applyBorder="1" applyAlignment="1">
      <alignment vertical="center" textRotation="255"/>
    </xf>
    <xf numFmtId="0" fontId="3" fillId="0" borderId="5" xfId="0" applyFont="1" applyBorder="1" applyAlignment="1">
      <alignment horizontal="center" vertical="center" textRotation="255"/>
    </xf>
    <xf numFmtId="0" fontId="17" fillId="0" borderId="0" xfId="0" applyFont="1" applyBorder="1" applyAlignment="1">
      <alignment vertical="center"/>
    </xf>
    <xf numFmtId="0" fontId="13" fillId="0" borderId="8" xfId="0" applyFont="1" applyFill="1" applyBorder="1" applyAlignment="1">
      <alignment horizontal="left" vertical="center"/>
    </xf>
    <xf numFmtId="0" fontId="3" fillId="0" borderId="5" xfId="0" applyFont="1" applyBorder="1" applyAlignment="1">
      <alignment horizontal="center" vertical="center"/>
    </xf>
    <xf numFmtId="0" fontId="3" fillId="0" borderId="8" xfId="0" applyFont="1" applyBorder="1" applyAlignment="1">
      <alignment horizontal="left" vertical="center"/>
    </xf>
    <xf numFmtId="0" fontId="3" fillId="0" borderId="5" xfId="0" applyFont="1" applyBorder="1" applyAlignment="1">
      <alignment vertical="center"/>
    </xf>
    <xf numFmtId="0" fontId="3" fillId="0" borderId="22" xfId="0" applyFont="1" applyBorder="1" applyAlignment="1">
      <alignment vertical="center"/>
    </xf>
    <xf numFmtId="0" fontId="3" fillId="0" borderId="18" xfId="0" applyFont="1" applyBorder="1" applyAlignment="1">
      <alignment vertical="center"/>
    </xf>
    <xf numFmtId="0" fontId="3" fillId="0" borderId="2" xfId="0" applyFont="1" applyBorder="1" applyAlignment="1">
      <alignment vertical="center"/>
    </xf>
    <xf numFmtId="0" fontId="3" fillId="0" borderId="13" xfId="0" applyFont="1" applyBorder="1" applyAlignment="1">
      <alignment vertical="center"/>
    </xf>
    <xf numFmtId="0" fontId="3" fillId="0" borderId="18" xfId="0" applyFont="1" applyFill="1" applyBorder="1" applyAlignment="1">
      <alignment horizontal="center" vertical="center" shrinkToFit="1"/>
    </xf>
    <xf numFmtId="0" fontId="3" fillId="0" borderId="11" xfId="0" applyFont="1" applyBorder="1" applyAlignment="1">
      <alignment horizontal="right" vertical="center"/>
    </xf>
    <xf numFmtId="0" fontId="3" fillId="0" borderId="6" xfId="0" applyFont="1" applyBorder="1" applyAlignment="1">
      <alignment horizontal="right" vertical="center"/>
    </xf>
    <xf numFmtId="0" fontId="3" fillId="0" borderId="18" xfId="0" applyFont="1" applyFill="1" applyBorder="1" applyAlignment="1">
      <alignment horizontal="center" vertical="center"/>
    </xf>
    <xf numFmtId="0" fontId="3" fillId="0" borderId="22" xfId="0" applyFont="1" applyFill="1" applyBorder="1" applyAlignment="1">
      <alignment horizontal="left" vertical="center"/>
    </xf>
    <xf numFmtId="0" fontId="3" fillId="0" borderId="41" xfId="0" applyFont="1" applyBorder="1" applyAlignment="1">
      <alignment horizontal="left" vertical="center"/>
    </xf>
    <xf numFmtId="0" fontId="3" fillId="0" borderId="27" xfId="0" applyFont="1" applyFill="1" applyBorder="1" applyAlignment="1">
      <alignment horizontal="left" vertical="center"/>
    </xf>
    <xf numFmtId="0" fontId="3" fillId="0" borderId="27" xfId="0" applyFont="1" applyBorder="1" applyAlignment="1">
      <alignment horizontal="left" vertical="center"/>
    </xf>
    <xf numFmtId="0" fontId="3" fillId="0" borderId="42" xfId="0" applyFont="1" applyFill="1" applyBorder="1" applyAlignment="1">
      <alignment horizontal="center" vertical="center"/>
    </xf>
    <xf numFmtId="0" fontId="3" fillId="0" borderId="42" xfId="0" applyFont="1" applyBorder="1" applyAlignment="1">
      <alignment vertical="center"/>
    </xf>
    <xf numFmtId="0" fontId="3" fillId="0" borderId="43" xfId="0" applyFont="1" applyBorder="1" applyAlignment="1">
      <alignment vertical="center"/>
    </xf>
    <xf numFmtId="0" fontId="3" fillId="0" borderId="46" xfId="0" applyFont="1" applyBorder="1" applyAlignment="1">
      <alignment vertical="center"/>
    </xf>
    <xf numFmtId="0" fontId="3" fillId="0" borderId="48" xfId="0" applyFont="1" applyBorder="1" applyAlignment="1">
      <alignment vertical="center"/>
    </xf>
    <xf numFmtId="0" fontId="0" fillId="0" borderId="5" xfId="0" applyBorder="1" applyAlignment="1">
      <alignment vertical="center"/>
    </xf>
    <xf numFmtId="0" fontId="3" fillId="0" borderId="45" xfId="0" applyFont="1" applyBorder="1" applyAlignment="1">
      <alignment vertical="center"/>
    </xf>
    <xf numFmtId="0" fontId="3" fillId="0" borderId="51" xfId="0" applyFont="1" applyBorder="1" applyAlignment="1">
      <alignment vertical="center"/>
    </xf>
    <xf numFmtId="0" fontId="3" fillId="0" borderId="46" xfId="0" applyFont="1" applyFill="1" applyBorder="1" applyAlignment="1">
      <alignment horizontal="center" vertical="center"/>
    </xf>
    <xf numFmtId="0" fontId="9" fillId="0" borderId="46" xfId="0" applyFont="1" applyFill="1" applyBorder="1" applyAlignment="1">
      <alignment horizontal="center" vertical="center"/>
    </xf>
    <xf numFmtId="0" fontId="3" fillId="0" borderId="46" xfId="0" applyFont="1" applyBorder="1" applyAlignment="1">
      <alignment horizontal="right" vertical="center"/>
    </xf>
    <xf numFmtId="0" fontId="3" fillId="0" borderId="52" xfId="0" applyFont="1" applyBorder="1" applyAlignment="1">
      <alignment vertical="center"/>
    </xf>
    <xf numFmtId="0" fontId="3" fillId="0" borderId="53" xfId="0" applyFont="1" applyBorder="1" applyAlignment="1">
      <alignment vertical="center"/>
    </xf>
    <xf numFmtId="0" fontId="13" fillId="0" borderId="42" xfId="0" applyFont="1" applyFill="1" applyBorder="1" applyAlignment="1">
      <alignment horizontal="left" vertical="center"/>
    </xf>
    <xf numFmtId="0" fontId="13" fillId="0" borderId="27" xfId="0" applyFont="1" applyFill="1" applyBorder="1" applyAlignment="1">
      <alignment horizontal="left" vertical="center"/>
    </xf>
    <xf numFmtId="0" fontId="13" fillId="0" borderId="29" xfId="0" applyFont="1" applyFill="1" applyBorder="1" applyAlignment="1">
      <alignment horizontal="left" vertical="center"/>
    </xf>
    <xf numFmtId="0" fontId="14" fillId="0" borderId="29" xfId="0" applyFont="1" applyBorder="1" applyAlignment="1">
      <alignment vertical="center" shrinkToFit="1"/>
    </xf>
    <xf numFmtId="0" fontId="3" fillId="0" borderId="18" xfId="0" applyFont="1" applyBorder="1" applyAlignment="1">
      <alignment horizontal="center" vertical="center" shrinkToFit="1"/>
    </xf>
    <xf numFmtId="0" fontId="3" fillId="0" borderId="5" xfId="0" applyFont="1" applyBorder="1" applyAlignment="1">
      <alignment horizontal="center" vertical="center" shrinkToFit="1"/>
    </xf>
    <xf numFmtId="0" fontId="9" fillId="0" borderId="0" xfId="0" applyFont="1" applyBorder="1" applyAlignment="1">
      <alignment vertical="center" shrinkToFit="1"/>
    </xf>
    <xf numFmtId="0" fontId="3" fillId="0" borderId="79" xfId="0" applyFont="1" applyBorder="1" applyAlignment="1">
      <alignment vertical="center"/>
    </xf>
    <xf numFmtId="0" fontId="3" fillId="0" borderId="0" xfId="0" applyFont="1" applyFill="1" applyBorder="1" applyAlignment="1">
      <alignment vertical="center" shrinkToFit="1"/>
    </xf>
    <xf numFmtId="0" fontId="3" fillId="0" borderId="13" xfId="0" applyFont="1" applyBorder="1" applyAlignment="1">
      <alignment horizontal="right" vertical="center"/>
    </xf>
    <xf numFmtId="0" fontId="3" fillId="0" borderId="46" xfId="0" applyFont="1" applyFill="1" applyBorder="1" applyAlignment="1">
      <alignment vertical="center"/>
    </xf>
    <xf numFmtId="0" fontId="3" fillId="0" borderId="79" xfId="0" applyFont="1" applyBorder="1" applyAlignment="1">
      <alignment horizontal="right" vertical="center"/>
    </xf>
    <xf numFmtId="0" fontId="0" fillId="0" borderId="46" xfId="0" applyFont="1" applyBorder="1" applyAlignment="1">
      <alignment vertical="center" shrinkToFit="1"/>
    </xf>
    <xf numFmtId="0" fontId="10" fillId="0" borderId="18" xfId="0" applyFont="1" applyBorder="1" applyAlignment="1">
      <alignment vertical="center" shrinkToFit="1"/>
    </xf>
    <xf numFmtId="0" fontId="0" fillId="0" borderId="18" xfId="0" applyFont="1" applyBorder="1" applyAlignment="1">
      <alignment vertical="center" shrinkToFit="1"/>
    </xf>
    <xf numFmtId="0" fontId="3" fillId="0" borderId="29" xfId="0" applyFont="1" applyFill="1" applyBorder="1" applyAlignment="1">
      <alignment horizontal="center" vertical="center" shrinkToFit="1"/>
    </xf>
    <xf numFmtId="0" fontId="10" fillId="0" borderId="29" xfId="0" applyFont="1" applyBorder="1" applyAlignment="1">
      <alignment vertical="center" shrinkToFit="1"/>
    </xf>
    <xf numFmtId="0" fontId="0" fillId="0" borderId="29" xfId="0" applyFont="1" applyBorder="1" applyAlignment="1">
      <alignment vertical="center" shrinkToFit="1"/>
    </xf>
    <xf numFmtId="0" fontId="3" fillId="0" borderId="30" xfId="0" applyFont="1" applyBorder="1" applyAlignment="1">
      <alignment horizontal="right" vertical="center"/>
    </xf>
    <xf numFmtId="0" fontId="3" fillId="0" borderId="6" xfId="0" applyFont="1" applyFill="1" applyBorder="1" applyAlignment="1">
      <alignment horizontal="right" vertical="center"/>
    </xf>
    <xf numFmtId="0" fontId="3" fillId="0" borderId="27" xfId="0" applyFont="1" applyFill="1" applyBorder="1" applyAlignment="1">
      <alignment vertical="center"/>
    </xf>
    <xf numFmtId="0" fontId="3" fillId="0" borderId="31" xfId="0" applyFont="1" applyFill="1" applyBorder="1" applyAlignment="1">
      <alignment vertical="center"/>
    </xf>
    <xf numFmtId="0" fontId="13" fillId="0" borderId="27" xfId="0" applyFont="1" applyFill="1" applyBorder="1" applyAlignment="1">
      <alignment horizontal="center" vertical="center"/>
    </xf>
    <xf numFmtId="0" fontId="3" fillId="0" borderId="50" xfId="0" applyFont="1" applyFill="1" applyBorder="1" applyAlignment="1">
      <alignment vertical="center"/>
    </xf>
    <xf numFmtId="0" fontId="13" fillId="0" borderId="31" xfId="0" applyFont="1" applyFill="1" applyBorder="1" applyAlignment="1">
      <alignment horizontal="center" vertical="center"/>
    </xf>
    <xf numFmtId="0" fontId="14" fillId="0" borderId="31" xfId="0" applyFont="1" applyFill="1" applyBorder="1" applyAlignment="1">
      <alignment vertical="center" shrinkToFit="1"/>
    </xf>
    <xf numFmtId="0" fontId="3" fillId="0" borderId="41" xfId="0" applyFont="1" applyFill="1" applyBorder="1" applyAlignment="1">
      <alignment vertical="center"/>
    </xf>
    <xf numFmtId="0" fontId="14" fillId="0" borderId="27" xfId="0" applyFont="1" applyFill="1" applyBorder="1" applyAlignment="1">
      <alignment vertical="center" shrinkToFit="1"/>
    </xf>
    <xf numFmtId="0" fontId="3" fillId="0" borderId="45" xfId="0" applyFont="1" applyFill="1" applyBorder="1" applyAlignment="1">
      <alignment horizontal="right" vertical="center"/>
    </xf>
    <xf numFmtId="0" fontId="3" fillId="0" borderId="92" xfId="0" applyFont="1" applyFill="1" applyBorder="1" applyAlignment="1">
      <alignment horizontal="right" vertical="center"/>
    </xf>
    <xf numFmtId="0" fontId="9" fillId="0" borderId="5" xfId="0" applyFont="1" applyBorder="1" applyAlignment="1">
      <alignment vertical="center"/>
    </xf>
    <xf numFmtId="0" fontId="3" fillId="0" borderId="0" xfId="0" applyFont="1" applyBorder="1" applyAlignment="1">
      <alignment vertical="center"/>
    </xf>
    <xf numFmtId="0" fontId="4" fillId="0" borderId="0" xfId="0" applyFont="1" applyBorder="1" applyAlignment="1">
      <alignment vertical="center"/>
    </xf>
    <xf numFmtId="0" fontId="3" fillId="0" borderId="0" xfId="0" applyFont="1" applyBorder="1" applyAlignment="1">
      <alignment vertical="center"/>
    </xf>
    <xf numFmtId="0" fontId="9" fillId="0" borderId="8" xfId="0" applyFont="1" applyBorder="1" applyAlignment="1">
      <alignment horizontal="center" vertical="center" wrapText="1"/>
    </xf>
    <xf numFmtId="0" fontId="9" fillId="0" borderId="11" xfId="0" applyFont="1" applyBorder="1" applyAlignment="1">
      <alignment horizontal="right" vertical="center"/>
    </xf>
    <xf numFmtId="0" fontId="21" fillId="0" borderId="2" xfId="0" applyFont="1" applyBorder="1" applyAlignment="1">
      <alignment horizontal="right" vertical="center"/>
    </xf>
    <xf numFmtId="0" fontId="21" fillId="0" borderId="27" xfId="0" applyFont="1" applyBorder="1" applyAlignment="1">
      <alignment vertical="center"/>
    </xf>
    <xf numFmtId="0" fontId="20" fillId="0" borderId="45" xfId="0" applyFont="1" applyBorder="1" applyAlignment="1">
      <alignment horizontal="right" vertical="center"/>
    </xf>
    <xf numFmtId="0" fontId="3" fillId="0" borderId="22" xfId="0" applyFont="1" applyBorder="1" applyAlignment="1">
      <alignment vertical="center" shrinkToFit="1"/>
    </xf>
    <xf numFmtId="0" fontId="9" fillId="3" borderId="2" xfId="0" applyFont="1" applyFill="1" applyBorder="1" applyAlignment="1">
      <alignment vertical="center"/>
    </xf>
    <xf numFmtId="0" fontId="9" fillId="3" borderId="0" xfId="0" applyFont="1" applyFill="1" applyBorder="1" applyAlignment="1">
      <alignment vertical="center"/>
    </xf>
    <xf numFmtId="0" fontId="3" fillId="3" borderId="0" xfId="0" applyFont="1" applyFill="1" applyBorder="1" applyAlignment="1">
      <alignment vertical="center"/>
    </xf>
    <xf numFmtId="0" fontId="24" fillId="3" borderId="5" xfId="0" applyFont="1" applyFill="1" applyBorder="1" applyAlignment="1">
      <alignment vertical="center"/>
    </xf>
    <xf numFmtId="0" fontId="3" fillId="3" borderId="18" xfId="0" applyFont="1" applyFill="1" applyBorder="1" applyAlignment="1">
      <alignment vertical="center"/>
    </xf>
    <xf numFmtId="0" fontId="3" fillId="3" borderId="5" xfId="0" applyFont="1" applyFill="1" applyBorder="1" applyAlignment="1">
      <alignment vertical="center"/>
    </xf>
    <xf numFmtId="0" fontId="3" fillId="3" borderId="5" xfId="0" applyFont="1" applyFill="1" applyBorder="1" applyAlignment="1">
      <alignment horizontal="center" vertical="center"/>
    </xf>
    <xf numFmtId="0" fontId="3" fillId="3" borderId="6" xfId="0" applyFont="1" applyFill="1" applyBorder="1" applyAlignment="1">
      <alignment vertical="center"/>
    </xf>
    <xf numFmtId="0" fontId="9" fillId="3" borderId="5" xfId="0" applyFont="1" applyFill="1" applyBorder="1" applyAlignment="1">
      <alignment horizontal="center" vertical="center"/>
    </xf>
    <xf numFmtId="0" fontId="25" fillId="3" borderId="5" xfId="0" applyFont="1" applyFill="1" applyBorder="1" applyAlignment="1">
      <alignment vertical="center"/>
    </xf>
    <xf numFmtId="0" fontId="26" fillId="3" borderId="31" xfId="0" applyFont="1" applyFill="1" applyBorder="1" applyAlignment="1">
      <alignment vertical="center"/>
    </xf>
    <xf numFmtId="0" fontId="3" fillId="3" borderId="8" xfId="0" applyFont="1" applyFill="1" applyBorder="1" applyAlignment="1">
      <alignment horizontal="center" vertical="center"/>
    </xf>
    <xf numFmtId="0" fontId="3" fillId="3" borderId="5" xfId="0" applyFont="1" applyFill="1" applyBorder="1" applyAlignment="1">
      <alignment vertical="center" shrinkToFit="1"/>
    </xf>
    <xf numFmtId="0" fontId="3" fillId="3" borderId="5" xfId="0" applyFont="1" applyFill="1" applyBorder="1" applyAlignment="1">
      <alignment horizontal="right" vertical="center" shrinkToFit="1"/>
    </xf>
    <xf numFmtId="0" fontId="3" fillId="3" borderId="8" xfId="0" applyFont="1" applyFill="1" applyBorder="1" applyAlignment="1">
      <alignment vertical="center"/>
    </xf>
    <xf numFmtId="0" fontId="3" fillId="3" borderId="8" xfId="0" applyFont="1" applyFill="1" applyBorder="1" applyAlignment="1">
      <alignment vertical="center" shrinkToFit="1"/>
    </xf>
    <xf numFmtId="0" fontId="3" fillId="3" borderId="33" xfId="0" applyFont="1" applyFill="1" applyBorder="1" applyAlignment="1">
      <alignment vertical="center"/>
    </xf>
    <xf numFmtId="0" fontId="9" fillId="3" borderId="29" xfId="0" applyFont="1" applyFill="1" applyBorder="1" applyAlignment="1">
      <alignment horizontal="left" vertical="center"/>
    </xf>
    <xf numFmtId="0" fontId="3" fillId="3" borderId="29" xfId="0" applyFont="1" applyFill="1" applyBorder="1" applyAlignment="1">
      <alignment horizontal="left" vertical="center"/>
    </xf>
    <xf numFmtId="0" fontId="3" fillId="3" borderId="29" xfId="0" applyFont="1" applyFill="1" applyBorder="1" applyAlignment="1">
      <alignment vertical="center"/>
    </xf>
    <xf numFmtId="0" fontId="3" fillId="3" borderId="44" xfId="0" applyFont="1" applyFill="1" applyBorder="1" applyAlignment="1">
      <alignment horizontal="left" vertical="center"/>
    </xf>
    <xf numFmtId="0" fontId="3" fillId="3" borderId="29" xfId="0" applyFont="1" applyFill="1" applyBorder="1" applyAlignment="1">
      <alignment horizontal="center" vertical="center"/>
    </xf>
    <xf numFmtId="0" fontId="3" fillId="3" borderId="46" xfId="0" applyFont="1" applyFill="1" applyBorder="1" applyAlignment="1">
      <alignment vertical="center"/>
    </xf>
    <xf numFmtId="0" fontId="24" fillId="3" borderId="5" xfId="0" applyFont="1" applyFill="1" applyBorder="1" applyAlignment="1">
      <alignment horizontal="left" vertical="center"/>
    </xf>
    <xf numFmtId="0" fontId="3" fillId="3" borderId="5" xfId="0" applyFont="1" applyFill="1" applyBorder="1" applyAlignment="1">
      <alignment horizontal="left" vertical="center"/>
    </xf>
    <xf numFmtId="0" fontId="3" fillId="3" borderId="49" xfId="0" applyFont="1" applyFill="1" applyBorder="1" applyAlignment="1">
      <alignment vertical="center"/>
    </xf>
    <xf numFmtId="0" fontId="9" fillId="3" borderId="5" xfId="0" applyFont="1" applyFill="1" applyBorder="1" applyAlignment="1">
      <alignment horizontal="left" vertical="center"/>
    </xf>
    <xf numFmtId="0" fontId="3" fillId="3" borderId="27" xfId="0" applyFont="1" applyFill="1" applyBorder="1" applyAlignment="1">
      <alignment vertical="center"/>
    </xf>
    <xf numFmtId="0" fontId="0" fillId="3" borderId="27" xfId="0" applyFont="1" applyFill="1" applyBorder="1" applyAlignment="1">
      <alignment vertical="center"/>
    </xf>
    <xf numFmtId="0" fontId="13" fillId="3" borderId="27" xfId="0" applyFont="1" applyFill="1" applyBorder="1" applyAlignment="1">
      <alignment horizontal="left" vertical="center"/>
    </xf>
    <xf numFmtId="0" fontId="3" fillId="3" borderId="43" xfId="0" applyFont="1" applyFill="1" applyBorder="1" applyAlignment="1">
      <alignment horizontal="center" vertical="center"/>
    </xf>
    <xf numFmtId="0" fontId="3" fillId="3" borderId="48" xfId="0" applyFont="1" applyFill="1" applyBorder="1" applyAlignment="1">
      <alignment vertical="center"/>
    </xf>
    <xf numFmtId="0" fontId="3" fillId="3" borderId="60" xfId="0" applyFont="1" applyFill="1" applyBorder="1" applyAlignment="1">
      <alignment horizontal="center" vertical="center"/>
    </xf>
    <xf numFmtId="0" fontId="0" fillId="3" borderId="46" xfId="0" applyFont="1" applyFill="1" applyBorder="1" applyAlignment="1">
      <alignment vertical="center"/>
    </xf>
    <xf numFmtId="0" fontId="3" fillId="3" borderId="41" xfId="0" applyFont="1" applyFill="1" applyBorder="1" applyAlignment="1">
      <alignment vertical="center"/>
    </xf>
    <xf numFmtId="0" fontId="3" fillId="3" borderId="27" xfId="0" applyFont="1" applyFill="1" applyBorder="1" applyAlignment="1">
      <alignment horizontal="center" vertical="center"/>
    </xf>
    <xf numFmtId="0" fontId="3" fillId="3" borderId="28" xfId="0" applyFont="1" applyFill="1" applyBorder="1" applyAlignment="1">
      <alignment vertical="center"/>
    </xf>
    <xf numFmtId="0" fontId="13" fillId="3" borderId="8" xfId="0" applyFont="1" applyFill="1" applyBorder="1" applyAlignment="1">
      <alignment horizontal="left" vertical="center"/>
    </xf>
    <xf numFmtId="0" fontId="27" fillId="3" borderId="8" xfId="0" applyFont="1" applyFill="1" applyBorder="1" applyAlignment="1">
      <alignment vertical="center"/>
    </xf>
    <xf numFmtId="0" fontId="14" fillId="3" borderId="8" xfId="0" applyFont="1" applyFill="1" applyBorder="1" applyAlignment="1">
      <alignment vertical="center" shrinkToFit="1"/>
    </xf>
    <xf numFmtId="0" fontId="3" fillId="3" borderId="9" xfId="0" applyFont="1" applyFill="1" applyBorder="1" applyAlignment="1">
      <alignment horizontal="right" vertical="center"/>
    </xf>
    <xf numFmtId="0" fontId="9" fillId="3" borderId="33" xfId="0" applyFont="1" applyFill="1" applyBorder="1" applyAlignment="1">
      <alignment vertical="center"/>
    </xf>
    <xf numFmtId="0" fontId="9" fillId="3" borderId="8" xfId="0" applyFont="1" applyFill="1" applyBorder="1" applyAlignment="1">
      <alignment horizontal="center" vertical="center" wrapText="1"/>
    </xf>
    <xf numFmtId="0" fontId="8" fillId="2" borderId="34" xfId="0" applyFont="1" applyFill="1" applyBorder="1" applyAlignment="1">
      <alignment vertical="center" textRotation="255"/>
    </xf>
    <xf numFmtId="0" fontId="3" fillId="0" borderId="18" xfId="0" applyFont="1" applyBorder="1" applyAlignment="1">
      <alignment horizontal="left" vertical="center"/>
    </xf>
    <xf numFmtId="0" fontId="13" fillId="0" borderId="46" xfId="0" applyFont="1" applyFill="1" applyBorder="1" applyAlignment="1">
      <alignment horizontal="left" vertical="center"/>
    </xf>
    <xf numFmtId="0" fontId="29" fillId="0" borderId="0" xfId="0" applyFont="1" applyBorder="1" applyAlignment="1">
      <alignment vertical="center"/>
    </xf>
    <xf numFmtId="0" fontId="30" fillId="0" borderId="0" xfId="0" applyFont="1" applyBorder="1" applyAlignment="1">
      <alignment vertical="center"/>
    </xf>
    <xf numFmtId="0" fontId="9" fillId="0" borderId="0" xfId="0" applyFont="1" applyBorder="1" applyAlignment="1">
      <alignment vertical="center"/>
    </xf>
    <xf numFmtId="0" fontId="3" fillId="0" borderId="5" xfId="0" applyFont="1" applyBorder="1" applyAlignment="1">
      <alignment vertical="center" shrinkToFit="1"/>
    </xf>
    <xf numFmtId="0" fontId="3" fillId="0" borderId="0" xfId="0" applyFont="1" applyBorder="1" applyAlignment="1">
      <alignment vertical="center" shrinkToFit="1"/>
    </xf>
    <xf numFmtId="0" fontId="3" fillId="0" borderId="25" xfId="0" applyFont="1" applyBorder="1" applyAlignment="1">
      <alignment vertical="center" shrinkToFit="1"/>
    </xf>
    <xf numFmtId="0" fontId="3" fillId="0" borderId="89" xfId="0" applyFont="1" applyFill="1" applyBorder="1" applyAlignment="1">
      <alignment vertical="center"/>
    </xf>
    <xf numFmtId="0" fontId="3" fillId="0" borderId="89" xfId="0" applyFont="1" applyFill="1" applyBorder="1" applyAlignment="1">
      <alignment vertical="center"/>
    </xf>
    <xf numFmtId="0" fontId="1" fillId="0" borderId="0" xfId="0" applyFont="1" applyBorder="1" applyAlignment="1">
      <alignment vertical="center"/>
    </xf>
    <xf numFmtId="0" fontId="13" fillId="4" borderId="2" xfId="0" applyFont="1" applyFill="1" applyBorder="1" applyAlignment="1">
      <alignment horizontal="right" vertical="center"/>
    </xf>
    <xf numFmtId="0" fontId="16" fillId="0" borderId="5" xfId="0" applyFont="1" applyBorder="1" applyAlignment="1">
      <alignment vertical="center" shrinkToFit="1"/>
    </xf>
    <xf numFmtId="0" fontId="16" fillId="0" borderId="0" xfId="0" applyFont="1" applyBorder="1" applyAlignment="1">
      <alignment vertical="center" shrinkToFit="1"/>
    </xf>
    <xf numFmtId="0" fontId="33" fillId="0" borderId="0" xfId="0" applyFont="1" applyBorder="1" applyAlignment="1">
      <alignment vertical="center" shrinkToFit="1"/>
    </xf>
    <xf numFmtId="0" fontId="0" fillId="0" borderId="12" xfId="0" applyBorder="1" applyAlignment="1">
      <alignment horizontal="center" vertical="center"/>
    </xf>
    <xf numFmtId="0" fontId="0" fillId="0" borderId="0" xfId="0" applyBorder="1" applyAlignment="1">
      <alignment horizontal="center" vertical="center"/>
    </xf>
    <xf numFmtId="0" fontId="9" fillId="0" borderId="18" xfId="0" applyFont="1" applyBorder="1" applyAlignment="1">
      <alignment vertical="center"/>
    </xf>
    <xf numFmtId="0" fontId="3" fillId="0" borderId="5" xfId="0" applyFont="1" applyBorder="1" applyAlignment="1">
      <alignment horizontal="center" vertical="center"/>
    </xf>
    <xf numFmtId="0" fontId="9" fillId="0" borderId="5" xfId="0" applyFont="1" applyBorder="1" applyAlignment="1">
      <alignment horizontal="right" vertical="center"/>
    </xf>
    <xf numFmtId="0" fontId="3" fillId="0" borderId="6" xfId="0" applyFont="1" applyFill="1" applyBorder="1" applyAlignment="1">
      <alignment vertical="center"/>
    </xf>
    <xf numFmtId="0" fontId="14" fillId="0" borderId="18" xfId="0" applyFont="1" applyBorder="1" applyAlignment="1">
      <alignment vertical="center" shrinkToFit="1"/>
    </xf>
    <xf numFmtId="0" fontId="13" fillId="4" borderId="18" xfId="0" applyFont="1" applyFill="1" applyBorder="1" applyAlignment="1">
      <alignment horizontal="center" vertical="center" shrinkToFit="1"/>
    </xf>
    <xf numFmtId="0" fontId="13" fillId="0" borderId="27" xfId="0" applyFont="1" applyBorder="1" applyAlignment="1">
      <alignment vertical="center"/>
    </xf>
    <xf numFmtId="0" fontId="13" fillId="0" borderId="28" xfId="0" applyFont="1" applyBorder="1" applyAlignment="1">
      <alignment vertical="center"/>
    </xf>
    <xf numFmtId="0" fontId="33" fillId="0" borderId="0" xfId="0" applyFont="1" applyBorder="1" applyAlignment="1">
      <alignment vertical="center"/>
    </xf>
    <xf numFmtId="0" fontId="35" fillId="4" borderId="5" xfId="0" applyFont="1" applyFill="1" applyBorder="1" applyAlignment="1">
      <alignment horizontal="center" vertical="center" shrinkToFit="1"/>
    </xf>
    <xf numFmtId="0" fontId="13" fillId="0" borderId="29" xfId="0" applyFont="1" applyBorder="1" applyAlignment="1">
      <alignment vertical="center"/>
    </xf>
    <xf numFmtId="0" fontId="13" fillId="0" borderId="30" xfId="0" applyFont="1" applyBorder="1" applyAlignment="1">
      <alignment vertical="center"/>
    </xf>
    <xf numFmtId="0" fontId="14" fillId="0" borderId="18" xfId="0" applyFont="1" applyBorder="1" applyAlignment="1">
      <alignment horizontal="center" vertical="center" shrinkToFit="1"/>
    </xf>
    <xf numFmtId="0" fontId="14" fillId="0" borderId="5" xfId="0" applyFont="1" applyBorder="1" applyAlignment="1">
      <alignment horizontal="center" vertical="center" shrinkToFit="1"/>
    </xf>
    <xf numFmtId="0" fontId="13" fillId="4" borderId="8" xfId="0" applyFont="1" applyFill="1" applyBorder="1" applyAlignment="1">
      <alignment horizontal="center" vertical="center" shrinkToFit="1"/>
    </xf>
    <xf numFmtId="0" fontId="38" fillId="0" borderId="8" xfId="0" applyFont="1" applyFill="1" applyBorder="1" applyAlignment="1">
      <alignment horizontal="center" vertical="center"/>
    </xf>
    <xf numFmtId="0" fontId="14" fillId="0" borderId="5" xfId="0" applyFont="1" applyBorder="1" applyAlignment="1">
      <alignment vertical="center" shrinkToFit="1"/>
    </xf>
    <xf numFmtId="0" fontId="10" fillId="0" borderId="5" xfId="0" applyFont="1" applyBorder="1" applyAlignment="1">
      <alignment horizontal="right" vertical="center" shrinkToFit="1"/>
    </xf>
    <xf numFmtId="0" fontId="14" fillId="0" borderId="8" xfId="0" applyFont="1" applyBorder="1" applyAlignment="1">
      <alignment vertical="center" shrinkToFit="1"/>
    </xf>
    <xf numFmtId="0" fontId="40" fillId="0" borderId="8" xfId="0" applyFont="1" applyBorder="1" applyAlignment="1">
      <alignment vertical="center"/>
    </xf>
    <xf numFmtId="0" fontId="40" fillId="0" borderId="5" xfId="0" applyFont="1" applyBorder="1" applyAlignment="1">
      <alignment vertical="center"/>
    </xf>
    <xf numFmtId="0" fontId="26" fillId="0" borderId="5" xfId="0" applyFont="1" applyFill="1" applyBorder="1" applyAlignment="1">
      <alignment horizontal="center" vertical="center"/>
    </xf>
    <xf numFmtId="0" fontId="25" fillId="0" borderId="5" xfId="0" applyFont="1" applyFill="1" applyBorder="1" applyAlignment="1">
      <alignment vertical="center"/>
    </xf>
    <xf numFmtId="0" fontId="41" fillId="0" borderId="31" xfId="0" applyFont="1" applyFill="1" applyBorder="1" applyAlignment="1">
      <alignment vertical="center"/>
    </xf>
    <xf numFmtId="0" fontId="38" fillId="0" borderId="31" xfId="0" applyFont="1" applyBorder="1" applyAlignment="1">
      <alignment vertical="center"/>
    </xf>
    <xf numFmtId="0" fontId="38" fillId="0" borderId="32" xfId="0" applyFont="1" applyBorder="1" applyAlignment="1">
      <alignment vertical="center"/>
    </xf>
    <xf numFmtId="0" fontId="3" fillId="0" borderId="80" xfId="0" applyFont="1" applyBorder="1" applyAlignment="1">
      <alignment horizontal="left" vertical="center"/>
    </xf>
    <xf numFmtId="0" fontId="7" fillId="0" borderId="18" xfId="0" applyFont="1" applyBorder="1" applyAlignment="1">
      <alignment vertical="center"/>
    </xf>
    <xf numFmtId="0" fontId="9" fillId="0" borderId="93" xfId="0" applyFont="1" applyBorder="1" applyAlignment="1">
      <alignment horizontal="right" vertical="center"/>
    </xf>
    <xf numFmtId="0" fontId="13" fillId="0" borderId="5" xfId="0" applyFont="1" applyFill="1" applyBorder="1" applyAlignment="1">
      <alignment vertical="center" shrinkToFit="1"/>
    </xf>
    <xf numFmtId="0" fontId="3" fillId="0" borderId="60" xfId="0" applyFont="1" applyBorder="1" applyAlignment="1">
      <alignment vertical="center"/>
    </xf>
    <xf numFmtId="0" fontId="3" fillId="0" borderId="93" xfId="0" applyFont="1" applyBorder="1" applyAlignment="1">
      <alignment vertical="center"/>
    </xf>
    <xf numFmtId="0" fontId="3" fillId="0" borderId="29" xfId="0" applyFont="1" applyBorder="1" applyAlignment="1">
      <alignment horizontal="right" vertical="center"/>
    </xf>
    <xf numFmtId="0" fontId="8" fillId="0" borderId="40" xfId="0" applyFont="1" applyBorder="1" applyAlignment="1">
      <alignment vertical="center" textRotation="255"/>
    </xf>
    <xf numFmtId="0" fontId="3" fillId="0" borderId="40" xfId="0" applyFont="1" applyBorder="1" applyAlignment="1">
      <alignment horizontal="center" vertical="center"/>
    </xf>
    <xf numFmtId="0" fontId="3" fillId="0" borderId="60" xfId="0" applyFont="1" applyBorder="1" applyAlignment="1">
      <alignment horizontal="center" vertical="center"/>
    </xf>
    <xf numFmtId="0" fontId="14" fillId="0" borderId="8" xfId="0" applyFont="1" applyBorder="1" applyAlignment="1">
      <alignment vertical="center" shrinkToFit="1"/>
    </xf>
    <xf numFmtId="0" fontId="8" fillId="0" borderId="34" xfId="0" applyFont="1" applyBorder="1" applyAlignment="1">
      <alignment vertical="center" textRotation="255"/>
    </xf>
    <xf numFmtId="0" fontId="3" fillId="0" borderId="33" xfId="0" applyFont="1" applyBorder="1" applyAlignment="1">
      <alignment vertical="center"/>
    </xf>
    <xf numFmtId="0" fontId="3" fillId="0" borderId="9" xfId="0" applyFont="1" applyBorder="1" applyAlignment="1">
      <alignment vertical="center"/>
    </xf>
    <xf numFmtId="0" fontId="0" fillId="0" borderId="18" xfId="0" applyBorder="1" applyAlignment="1">
      <alignment vertical="center"/>
    </xf>
    <xf numFmtId="0" fontId="3" fillId="0" borderId="80" xfId="0" applyFont="1" applyBorder="1" applyAlignment="1">
      <alignment vertical="center"/>
    </xf>
    <xf numFmtId="0" fontId="13" fillId="4" borderId="29" xfId="0" applyFont="1" applyFill="1" applyBorder="1" applyAlignment="1">
      <alignment horizontal="center" vertical="center" shrinkToFit="1"/>
    </xf>
    <xf numFmtId="0" fontId="0" fillId="0" borderId="29" xfId="0" applyBorder="1" applyAlignment="1">
      <alignment vertical="center"/>
    </xf>
    <xf numFmtId="0" fontId="13" fillId="4" borderId="0" xfId="0" applyFont="1" applyFill="1" applyBorder="1" applyAlignment="1">
      <alignment horizontal="center" vertical="center" shrinkToFit="1"/>
    </xf>
    <xf numFmtId="0" fontId="13" fillId="4" borderId="5" xfId="0" applyFont="1" applyFill="1" applyBorder="1" applyAlignment="1">
      <alignment horizontal="center" vertical="center" shrinkToFit="1"/>
    </xf>
    <xf numFmtId="0" fontId="3" fillId="0" borderId="51" xfId="0" applyFont="1" applyBorder="1" applyAlignment="1">
      <alignment horizontal="right" vertical="center"/>
    </xf>
    <xf numFmtId="0" fontId="3" fillId="0" borderId="18" xfId="0" applyFont="1" applyBorder="1" applyAlignment="1">
      <alignment horizontal="center" vertical="center"/>
    </xf>
    <xf numFmtId="0" fontId="3" fillId="0" borderId="90" xfId="0" applyFont="1" applyBorder="1" applyAlignment="1">
      <alignment vertical="center"/>
    </xf>
    <xf numFmtId="0" fontId="13" fillId="4" borderId="90" xfId="0" applyFont="1" applyFill="1" applyBorder="1" applyAlignment="1">
      <alignment horizontal="center" vertical="center" shrinkToFit="1"/>
    </xf>
    <xf numFmtId="0" fontId="13" fillId="4" borderId="96" xfId="0" applyFont="1" applyFill="1" applyBorder="1" applyAlignment="1">
      <alignment vertical="center" shrinkToFit="1"/>
    </xf>
    <xf numFmtId="0" fontId="13" fillId="4" borderId="97" xfId="0" applyFont="1" applyFill="1" applyBorder="1" applyAlignment="1">
      <alignment vertical="center" shrinkToFit="1"/>
    </xf>
    <xf numFmtId="0" fontId="3" fillId="0" borderId="90" xfId="0" applyFont="1" applyBorder="1" applyAlignment="1">
      <alignment horizontal="right" vertical="center"/>
    </xf>
    <xf numFmtId="0" fontId="3" fillId="0" borderId="91" xfId="0" applyFont="1" applyBorder="1" applyAlignment="1">
      <alignment horizontal="right" vertical="center"/>
    </xf>
    <xf numFmtId="0" fontId="13" fillId="4" borderId="27" xfId="0" applyFont="1" applyFill="1" applyBorder="1" applyAlignment="1">
      <alignment horizontal="center" vertical="center" shrinkToFit="1"/>
    </xf>
    <xf numFmtId="0" fontId="3" fillId="0" borderId="45" xfId="0" applyFont="1" applyFill="1" applyBorder="1" applyAlignment="1">
      <alignment vertical="center"/>
    </xf>
    <xf numFmtId="0" fontId="13" fillId="4" borderId="5" xfId="0" applyFont="1" applyFill="1" applyBorder="1" applyAlignment="1">
      <alignment horizontal="center" vertical="center" shrinkToFit="1"/>
    </xf>
    <xf numFmtId="0" fontId="13" fillId="4" borderId="31" xfId="0" applyFont="1" applyFill="1" applyBorder="1" applyAlignment="1">
      <alignment horizontal="center" vertical="center" shrinkToFit="1"/>
    </xf>
    <xf numFmtId="0" fontId="3" fillId="0" borderId="92" xfId="0" applyFont="1" applyFill="1" applyBorder="1" applyAlignment="1">
      <alignment vertical="center"/>
    </xf>
    <xf numFmtId="0" fontId="3" fillId="0" borderId="28" xfId="0" applyFont="1" applyFill="1" applyBorder="1" applyAlignment="1">
      <alignment horizontal="right" vertical="center"/>
    </xf>
    <xf numFmtId="0" fontId="27" fillId="0" borderId="8" xfId="0" applyFont="1" applyFill="1" applyBorder="1" applyAlignment="1">
      <alignment vertical="center"/>
    </xf>
    <xf numFmtId="0" fontId="3" fillId="0" borderId="9" xfId="0" applyFont="1" applyFill="1" applyBorder="1" applyAlignment="1">
      <alignment horizontal="right" vertical="center"/>
    </xf>
    <xf numFmtId="0" fontId="3" fillId="0" borderId="31" xfId="0" applyFont="1" applyFill="1" applyBorder="1" applyAlignment="1">
      <alignment horizontal="left" vertical="center"/>
    </xf>
    <xf numFmtId="0" fontId="3" fillId="0" borderId="31" xfId="0" applyFont="1" applyFill="1" applyBorder="1" applyAlignment="1">
      <alignment horizontal="center" vertical="center"/>
    </xf>
    <xf numFmtId="0" fontId="3" fillId="0" borderId="32" xfId="0" applyFont="1" applyFill="1" applyBorder="1" applyAlignment="1">
      <alignment vertical="center"/>
    </xf>
    <xf numFmtId="0" fontId="13" fillId="4" borderId="99" xfId="0" applyFont="1" applyFill="1" applyBorder="1" applyAlignment="1">
      <alignment vertical="center" shrinkToFit="1"/>
    </xf>
    <xf numFmtId="0" fontId="13" fillId="4" borderId="102" xfId="0" applyFont="1" applyFill="1" applyBorder="1" applyAlignment="1">
      <alignment vertical="center" shrinkToFit="1"/>
    </xf>
    <xf numFmtId="0" fontId="3" fillId="0" borderId="8" xfId="0" applyFont="1" applyBorder="1" applyAlignment="1">
      <alignment vertical="center" wrapText="1"/>
    </xf>
    <xf numFmtId="0" fontId="32" fillId="0" borderId="0" xfId="0" applyFont="1" applyBorder="1" applyAlignment="1">
      <alignment vertical="center" shrinkToFit="1"/>
    </xf>
    <xf numFmtId="0" fontId="5" fillId="0" borderId="0" xfId="0" applyFont="1" applyBorder="1" applyAlignment="1">
      <alignment horizontal="center" vertical="center"/>
    </xf>
    <xf numFmtId="0" fontId="3" fillId="0" borderId="15" xfId="0" applyFont="1" applyBorder="1" applyAlignment="1">
      <alignment vertical="center"/>
    </xf>
    <xf numFmtId="0" fontId="46" fillId="4" borderId="2" xfId="0" applyFont="1" applyFill="1" applyBorder="1" applyAlignment="1">
      <alignment horizontal="right" vertical="center" shrinkToFit="1"/>
    </xf>
    <xf numFmtId="0" fontId="47" fillId="0" borderId="5" xfId="0" applyFont="1" applyBorder="1" applyAlignment="1">
      <alignment vertical="center" shrinkToFit="1"/>
    </xf>
    <xf numFmtId="0" fontId="47" fillId="0" borderId="0" xfId="0" applyFont="1" applyBorder="1" applyAlignment="1">
      <alignment vertical="center" shrinkToFit="1"/>
    </xf>
    <xf numFmtId="0" fontId="46" fillId="0" borderId="27" xfId="0" applyFont="1" applyBorder="1" applyAlignment="1">
      <alignment vertical="center"/>
    </xf>
    <xf numFmtId="0" fontId="46" fillId="0" borderId="28" xfId="0" applyFont="1" applyBorder="1" applyAlignment="1">
      <alignment vertical="center"/>
    </xf>
    <xf numFmtId="0" fontId="49" fillId="0" borderId="0" xfId="0" applyFont="1" applyBorder="1" applyAlignment="1">
      <alignment vertical="center"/>
    </xf>
    <xf numFmtId="0" fontId="11" fillId="0" borderId="0" xfId="0" applyFont="1" applyBorder="1" applyAlignment="1">
      <alignment vertical="center"/>
    </xf>
    <xf numFmtId="0" fontId="46" fillId="4" borderId="5" xfId="0" applyFont="1" applyFill="1" applyBorder="1" applyAlignment="1">
      <alignment horizontal="center" vertical="center" shrinkToFit="1"/>
    </xf>
    <xf numFmtId="0" fontId="46" fillId="0" borderId="29" xfId="0" applyFont="1" applyBorder="1" applyAlignment="1">
      <alignment vertical="center"/>
    </xf>
    <xf numFmtId="0" fontId="46" fillId="0" borderId="30" xfId="0" applyFont="1" applyBorder="1" applyAlignment="1">
      <alignment vertical="center"/>
    </xf>
    <xf numFmtId="0" fontId="48" fillId="0" borderId="18" xfId="0" applyFont="1" applyBorder="1" applyAlignment="1">
      <alignment horizontal="center" vertical="center" shrinkToFit="1"/>
    </xf>
    <xf numFmtId="49" fontId="11" fillId="0" borderId="0" xfId="0" applyNumberFormat="1" applyFont="1" applyAlignment="1">
      <alignment vertical="center"/>
    </xf>
    <xf numFmtId="49" fontId="11" fillId="0" borderId="0" xfId="0" applyNumberFormat="1" applyFont="1" applyBorder="1" applyAlignment="1">
      <alignment vertical="center"/>
    </xf>
    <xf numFmtId="49" fontId="9" fillId="0" borderId="0" xfId="0" applyNumberFormat="1" applyFont="1" applyAlignment="1">
      <alignment vertical="center"/>
    </xf>
    <xf numFmtId="0" fontId="48" fillId="0" borderId="5" xfId="0" applyFont="1" applyBorder="1" applyAlignment="1">
      <alignment horizontal="center" vertical="center" shrinkToFit="1"/>
    </xf>
    <xf numFmtId="0" fontId="48" fillId="0" borderId="5" xfId="0" applyFont="1" applyBorder="1" applyAlignment="1">
      <alignment vertical="center" shrinkToFit="1"/>
    </xf>
    <xf numFmtId="0" fontId="46" fillId="4" borderId="8" xfId="0" applyFont="1" applyFill="1" applyBorder="1" applyAlignment="1">
      <alignment horizontal="center" vertical="center" shrinkToFit="1"/>
    </xf>
    <xf numFmtId="0" fontId="40" fillId="0" borderId="5" xfId="0" applyFont="1" applyFill="1" applyBorder="1" applyAlignment="1">
      <alignment vertical="center"/>
    </xf>
    <xf numFmtId="0" fontId="38" fillId="0" borderId="31" xfId="0" applyFont="1" applyFill="1" applyBorder="1" applyAlignment="1">
      <alignment vertical="center"/>
    </xf>
    <xf numFmtId="0" fontId="46" fillId="4" borderId="18" xfId="0" applyFont="1" applyFill="1" applyBorder="1" applyAlignment="1">
      <alignment horizontal="center" vertical="center" shrinkToFit="1"/>
    </xf>
    <xf numFmtId="0" fontId="46" fillId="4" borderId="29" xfId="0" applyFont="1" applyFill="1" applyBorder="1" applyAlignment="1">
      <alignment horizontal="center" vertical="center" shrinkToFit="1"/>
    </xf>
    <xf numFmtId="0" fontId="46" fillId="4" borderId="0" xfId="0" applyFont="1" applyFill="1" applyBorder="1" applyAlignment="1">
      <alignment horizontal="center" vertical="center" shrinkToFit="1"/>
    </xf>
    <xf numFmtId="0" fontId="46" fillId="4" borderId="90" xfId="0" applyFont="1" applyFill="1" applyBorder="1" applyAlignment="1">
      <alignment horizontal="center" vertical="center" shrinkToFit="1"/>
    </xf>
    <xf numFmtId="0" fontId="46" fillId="4" borderId="27" xfId="0" applyFont="1" applyFill="1" applyBorder="1" applyAlignment="1">
      <alignment horizontal="center" vertical="center" shrinkToFit="1"/>
    </xf>
    <xf numFmtId="0" fontId="46" fillId="4" borderId="31" xfId="0" applyFont="1" applyFill="1" applyBorder="1" applyAlignment="1">
      <alignment horizontal="center" vertical="center" shrinkToFit="1"/>
    </xf>
    <xf numFmtId="0" fontId="13" fillId="4" borderId="105" xfId="0" applyFont="1" applyFill="1" applyBorder="1" applyAlignment="1">
      <alignment vertical="center" shrinkToFit="1"/>
    </xf>
    <xf numFmtId="0" fontId="13" fillId="4" borderId="108" xfId="0" applyFont="1" applyFill="1" applyBorder="1" applyAlignment="1">
      <alignment vertical="center" shrinkToFit="1"/>
    </xf>
    <xf numFmtId="0" fontId="3" fillId="0" borderId="18" xfId="0" applyFont="1" applyBorder="1" applyAlignment="1">
      <alignment vertical="center"/>
    </xf>
    <xf numFmtId="0" fontId="51" fillId="0" borderId="0" xfId="0" applyFont="1" applyAlignment="1">
      <alignment vertical="center"/>
    </xf>
    <xf numFmtId="0" fontId="11" fillId="0" borderId="0" xfId="0" applyFont="1" applyAlignment="1">
      <alignment horizontal="center" vertical="center"/>
    </xf>
    <xf numFmtId="0" fontId="52" fillId="0" borderId="0" xfId="0" applyFont="1" applyBorder="1" applyAlignment="1">
      <alignment vertical="center"/>
    </xf>
    <xf numFmtId="0" fontId="53" fillId="0" borderId="0" xfId="0" applyFont="1" applyBorder="1" applyAlignment="1">
      <alignment vertical="center" shrinkToFit="1"/>
    </xf>
    <xf numFmtId="0" fontId="9" fillId="0" borderId="0" xfId="0" applyFont="1" applyBorder="1" applyAlignment="1">
      <alignment horizontal="right" vertical="center"/>
    </xf>
    <xf numFmtId="0" fontId="3" fillId="3" borderId="93" xfId="0" applyFont="1" applyFill="1" applyBorder="1" applyAlignment="1">
      <alignment vertical="center"/>
    </xf>
    <xf numFmtId="0" fontId="3" fillId="3" borderId="0" xfId="0" applyFont="1" applyFill="1" applyBorder="1" applyAlignment="1">
      <alignment vertical="center" shrinkToFit="1"/>
    </xf>
    <xf numFmtId="0" fontId="9" fillId="3" borderId="0" xfId="0" applyFont="1" applyFill="1" applyBorder="1" applyAlignment="1">
      <alignment horizontal="right" vertical="center"/>
    </xf>
    <xf numFmtId="0" fontId="3" fillId="3" borderId="25" xfId="0" applyFont="1" applyFill="1" applyBorder="1" applyAlignment="1">
      <alignment vertical="center" shrinkToFit="1"/>
    </xf>
    <xf numFmtId="0" fontId="3" fillId="3" borderId="90" xfId="0" applyFont="1" applyFill="1" applyBorder="1" applyAlignment="1">
      <alignment vertical="center"/>
    </xf>
    <xf numFmtId="0" fontId="3" fillId="3" borderId="109" xfId="0" applyFont="1" applyFill="1" applyBorder="1" applyAlignment="1">
      <alignment vertical="center"/>
    </xf>
    <xf numFmtId="0" fontId="9" fillId="3" borderId="5" xfId="0" applyFont="1" applyFill="1" applyBorder="1" applyAlignment="1">
      <alignment vertical="center"/>
    </xf>
    <xf numFmtId="0" fontId="9" fillId="3" borderId="5" xfId="0" applyFont="1" applyFill="1" applyBorder="1" applyAlignment="1">
      <alignment horizontal="right" vertical="center"/>
    </xf>
    <xf numFmtId="0" fontId="3" fillId="3" borderId="22" xfId="0" applyFont="1" applyFill="1" applyBorder="1" applyAlignment="1">
      <alignment vertical="center" shrinkToFit="1"/>
    </xf>
    <xf numFmtId="0" fontId="0" fillId="0" borderId="0" xfId="0" applyFont="1" applyBorder="1" applyAlignment="1">
      <alignment vertical="center"/>
    </xf>
    <xf numFmtId="0" fontId="14" fillId="0" borderId="18" xfId="0" applyFont="1" applyBorder="1" applyAlignment="1">
      <alignment horizontal="center" vertical="center" shrinkToFit="1"/>
    </xf>
    <xf numFmtId="0" fontId="14" fillId="0" borderId="5" xfId="0" applyFont="1" applyBorder="1" applyAlignment="1">
      <alignment horizontal="center" vertical="center" shrinkToFit="1"/>
    </xf>
    <xf numFmtId="0" fontId="0" fillId="0" borderId="27" xfId="0" applyFont="1" applyBorder="1" applyAlignment="1">
      <alignment vertical="center"/>
    </xf>
    <xf numFmtId="0" fontId="3" fillId="0" borderId="41" xfId="0" applyFont="1" applyBorder="1" applyAlignment="1">
      <alignment vertical="center"/>
    </xf>
    <xf numFmtId="0" fontId="29" fillId="0" borderId="0" xfId="0" applyFont="1" applyBorder="1" applyAlignment="1">
      <alignment horizontal="center" vertical="center"/>
    </xf>
    <xf numFmtId="0" fontId="3" fillId="2" borderId="80" xfId="0" applyFont="1" applyFill="1" applyBorder="1" applyAlignment="1">
      <alignment horizontal="center" vertical="center"/>
    </xf>
    <xf numFmtId="0" fontId="3" fillId="2" borderId="73" xfId="0" applyFont="1" applyFill="1" applyBorder="1" applyAlignment="1">
      <alignment horizontal="center" vertical="center"/>
    </xf>
    <xf numFmtId="0" fontId="3" fillId="2" borderId="81" xfId="0" applyFont="1" applyFill="1" applyBorder="1" applyAlignment="1">
      <alignment horizontal="center" vertical="center"/>
    </xf>
    <xf numFmtId="0" fontId="3" fillId="2" borderId="0" xfId="0" applyFont="1" applyFill="1" applyBorder="1" applyAlignment="1">
      <alignment horizontal="center" vertical="center"/>
    </xf>
    <xf numFmtId="0" fontId="3" fillId="2" borderId="57" xfId="0" applyFont="1" applyFill="1" applyBorder="1" applyAlignment="1">
      <alignment horizontal="center" vertical="center"/>
    </xf>
    <xf numFmtId="0" fontId="3" fillId="2" borderId="60" xfId="0" applyFont="1" applyFill="1" applyBorder="1" applyAlignment="1">
      <alignment horizontal="center" vertical="center"/>
    </xf>
    <xf numFmtId="0" fontId="3" fillId="2" borderId="5" xfId="0" applyFont="1" applyFill="1" applyBorder="1" applyAlignment="1">
      <alignment horizontal="center" vertical="center"/>
    </xf>
    <xf numFmtId="0" fontId="3" fillId="2" borderId="58" xfId="0" applyFont="1" applyFill="1" applyBorder="1" applyAlignment="1">
      <alignment horizontal="center" vertical="center"/>
    </xf>
    <xf numFmtId="0" fontId="3" fillId="2" borderId="51" xfId="0" applyFont="1" applyFill="1" applyBorder="1" applyAlignment="1">
      <alignment horizontal="center" vertical="center"/>
    </xf>
    <xf numFmtId="0" fontId="3" fillId="2" borderId="46" xfId="0" applyFont="1" applyFill="1" applyBorder="1" applyAlignment="1">
      <alignment horizontal="center" vertical="center"/>
    </xf>
    <xf numFmtId="0" fontId="3" fillId="2" borderId="47" xfId="0" applyFont="1" applyFill="1" applyBorder="1" applyAlignment="1">
      <alignment horizontal="center" vertical="center"/>
    </xf>
    <xf numFmtId="0" fontId="15" fillId="0" borderId="46" xfId="0" applyFont="1" applyBorder="1" applyAlignment="1">
      <alignment horizontal="center" vertical="center" shrinkToFit="1"/>
    </xf>
    <xf numFmtId="0" fontId="3" fillId="0" borderId="46" xfId="0" applyFont="1" applyBorder="1" applyAlignment="1">
      <alignment horizontal="center"/>
    </xf>
    <xf numFmtId="0" fontId="3" fillId="0" borderId="83" xfId="0" applyFont="1" applyBorder="1" applyAlignment="1">
      <alignment horizontal="center" vertical="center"/>
    </xf>
    <xf numFmtId="0" fontId="3" fillId="0" borderId="84" xfId="0" applyFont="1" applyBorder="1" applyAlignment="1">
      <alignment horizontal="center" vertical="center"/>
    </xf>
    <xf numFmtId="0" fontId="15" fillId="0" borderId="84" xfId="0" applyFont="1" applyBorder="1" applyAlignment="1">
      <alignment horizontal="left" vertical="center" shrinkToFit="1"/>
    </xf>
    <xf numFmtId="0" fontId="15" fillId="0" borderId="85" xfId="0" applyFont="1" applyBorder="1" applyAlignment="1">
      <alignment horizontal="left" vertical="center" shrinkToFit="1"/>
    </xf>
    <xf numFmtId="0" fontId="15" fillId="0" borderId="29" xfId="0" applyFont="1" applyBorder="1" applyAlignment="1">
      <alignment horizontal="center" vertical="center" shrinkToFit="1"/>
    </xf>
    <xf numFmtId="0" fontId="3" fillId="0" borderId="29" xfId="0" applyFont="1" applyBorder="1" applyAlignment="1">
      <alignment horizontal="center"/>
    </xf>
    <xf numFmtId="0" fontId="3" fillId="0" borderId="37" xfId="0" applyFont="1" applyBorder="1" applyAlignment="1">
      <alignment horizontal="center" vertical="center"/>
    </xf>
    <xf numFmtId="0" fontId="3" fillId="0" borderId="38" xfId="0" applyFont="1" applyBorder="1" applyAlignment="1">
      <alignment horizontal="center" vertical="center"/>
    </xf>
    <xf numFmtId="0" fontId="15" fillId="0" borderId="38" xfId="0" applyFont="1" applyBorder="1" applyAlignment="1">
      <alignment horizontal="left" vertical="center" shrinkToFit="1"/>
    </xf>
    <xf numFmtId="0" fontId="15" fillId="0" borderId="82" xfId="0" applyFont="1" applyBorder="1" applyAlignment="1">
      <alignment horizontal="left" vertical="center" shrinkToFit="1"/>
    </xf>
    <xf numFmtId="0" fontId="3" fillId="0" borderId="86" xfId="0" applyFont="1" applyBorder="1" applyAlignment="1">
      <alignment horizontal="center" vertical="center"/>
    </xf>
    <xf numFmtId="0" fontId="3" fillId="0" borderId="87" xfId="0" applyFont="1" applyBorder="1" applyAlignment="1">
      <alignment horizontal="center" vertical="center"/>
    </xf>
    <xf numFmtId="0" fontId="15" fillId="0" borderId="87" xfId="0" applyFont="1" applyBorder="1" applyAlignment="1">
      <alignment horizontal="left" vertical="center" shrinkToFit="1"/>
    </xf>
    <xf numFmtId="0" fontId="15" fillId="0" borderId="88" xfId="0" applyFont="1" applyBorder="1" applyAlignment="1">
      <alignment horizontal="left" vertical="center" shrinkToFit="1"/>
    </xf>
    <xf numFmtId="0" fontId="3" fillId="0" borderId="15" xfId="0" applyFont="1" applyBorder="1" applyAlignment="1">
      <alignment horizontal="center" vertical="center"/>
    </xf>
    <xf numFmtId="0" fontId="15" fillId="0" borderId="15" xfId="0" applyFont="1" applyBorder="1" applyAlignment="1">
      <alignment horizontal="center" vertical="center" shrinkToFit="1"/>
    </xf>
    <xf numFmtId="0" fontId="3" fillId="2" borderId="67" xfId="0" applyFont="1" applyFill="1" applyBorder="1" applyAlignment="1">
      <alignment horizontal="center" vertical="center" textRotation="255"/>
    </xf>
    <xf numFmtId="0" fontId="3" fillId="2" borderId="69" xfId="0" applyFont="1" applyFill="1" applyBorder="1" applyAlignment="1">
      <alignment horizontal="center" vertical="center" textRotation="255"/>
    </xf>
    <xf numFmtId="0" fontId="3" fillId="2" borderId="71" xfId="0" applyFont="1" applyFill="1" applyBorder="1" applyAlignment="1">
      <alignment horizontal="center" vertical="center" textRotation="255"/>
    </xf>
    <xf numFmtId="0" fontId="9" fillId="3" borderId="2" xfId="0" applyFont="1" applyFill="1" applyBorder="1" applyAlignment="1">
      <alignment horizontal="center" vertical="center"/>
    </xf>
    <xf numFmtId="0" fontId="23" fillId="3" borderId="2" xfId="0" applyFont="1" applyFill="1" applyBorder="1" applyAlignment="1">
      <alignment horizontal="center" vertical="center" shrinkToFit="1"/>
    </xf>
    <xf numFmtId="0" fontId="9" fillId="3" borderId="80" xfId="0" applyFont="1" applyFill="1" applyBorder="1" applyAlignment="1">
      <alignment vertical="center"/>
    </xf>
    <xf numFmtId="0" fontId="0" fillId="0" borderId="18" xfId="0" applyFont="1" applyBorder="1" applyAlignment="1">
      <alignment vertical="center"/>
    </xf>
    <xf numFmtId="0" fontId="9" fillId="2" borderId="12" xfId="0" applyFont="1" applyFill="1" applyBorder="1" applyAlignment="1">
      <alignment horizontal="center" vertical="center"/>
    </xf>
    <xf numFmtId="0" fontId="9" fillId="2" borderId="0" xfId="0" applyFont="1" applyFill="1" applyBorder="1" applyAlignment="1">
      <alignment horizontal="center" vertical="center"/>
    </xf>
    <xf numFmtId="0" fontId="9" fillId="2" borderId="57" xfId="0" applyFont="1" applyFill="1" applyBorder="1" applyAlignment="1">
      <alignment horizontal="center" vertical="center"/>
    </xf>
    <xf numFmtId="0" fontId="9" fillId="3" borderId="89" xfId="0" applyFont="1" applyFill="1" applyBorder="1" applyAlignment="1">
      <alignment vertical="center"/>
    </xf>
    <xf numFmtId="0" fontId="0" fillId="0" borderId="90" xfId="0" applyFont="1" applyBorder="1" applyAlignment="1">
      <alignment vertical="center"/>
    </xf>
    <xf numFmtId="0" fontId="3" fillId="2" borderId="4" xfId="0" applyFont="1" applyFill="1" applyBorder="1" applyAlignment="1">
      <alignment horizontal="center" vertical="center"/>
    </xf>
    <xf numFmtId="0" fontId="3" fillId="3" borderId="0" xfId="0" applyFont="1" applyFill="1" applyBorder="1" applyAlignment="1">
      <alignment horizontal="center" vertical="center" textRotation="255" wrapText="1"/>
    </xf>
    <xf numFmtId="0" fontId="3" fillId="3" borderId="5" xfId="0" applyFont="1" applyFill="1" applyBorder="1" applyAlignment="1">
      <alignment horizontal="center" vertical="center" textRotation="255" wrapText="1"/>
    </xf>
    <xf numFmtId="0" fontId="3" fillId="3" borderId="12" xfId="0" applyFont="1" applyFill="1" applyBorder="1" applyAlignment="1">
      <alignment horizontal="center" vertical="center" textRotation="255" wrapText="1"/>
    </xf>
    <xf numFmtId="0" fontId="3" fillId="3" borderId="4" xfId="0" applyFont="1" applyFill="1" applyBorder="1" applyAlignment="1">
      <alignment horizontal="center" vertical="center" textRotation="255" wrapText="1"/>
    </xf>
    <xf numFmtId="0" fontId="3" fillId="2" borderId="12" xfId="0" applyFont="1" applyFill="1" applyBorder="1" applyAlignment="1">
      <alignment horizontal="center" vertical="center"/>
    </xf>
    <xf numFmtId="0" fontId="3" fillId="2" borderId="18" xfId="0" applyFont="1" applyFill="1" applyBorder="1" applyAlignment="1">
      <alignment horizontal="center" vertical="center"/>
    </xf>
    <xf numFmtId="0" fontId="3" fillId="2" borderId="24" xfId="0" applyFont="1" applyFill="1" applyBorder="1" applyAlignment="1">
      <alignment horizontal="center" vertical="center"/>
    </xf>
    <xf numFmtId="0" fontId="9" fillId="2" borderId="7" xfId="0" applyFont="1" applyFill="1" applyBorder="1" applyAlignment="1">
      <alignment horizontal="center" vertical="center"/>
    </xf>
    <xf numFmtId="0" fontId="9" fillId="2" borderId="8" xfId="0" applyFont="1" applyFill="1" applyBorder="1" applyAlignment="1">
      <alignment horizontal="center" vertical="center"/>
    </xf>
    <xf numFmtId="0" fontId="9" fillId="2" borderId="53" xfId="0" applyFont="1" applyFill="1" applyBorder="1" applyAlignment="1">
      <alignment horizontal="center" vertical="center"/>
    </xf>
    <xf numFmtId="0" fontId="3" fillId="0" borderId="23" xfId="0" applyFont="1" applyBorder="1" applyAlignment="1">
      <alignment horizontal="center" vertical="center"/>
    </xf>
    <xf numFmtId="0" fontId="3" fillId="0" borderId="58" xfId="0" applyFont="1" applyBorder="1" applyAlignment="1">
      <alignment horizontal="center" vertical="center"/>
    </xf>
    <xf numFmtId="0" fontId="3" fillId="0" borderId="17" xfId="0" applyFont="1" applyBorder="1" applyAlignment="1">
      <alignment horizontal="center" vertical="center"/>
    </xf>
    <xf numFmtId="0" fontId="3" fillId="0" borderId="73" xfId="0" applyFont="1" applyBorder="1" applyAlignment="1">
      <alignment horizontal="center" vertical="center"/>
    </xf>
    <xf numFmtId="0" fontId="3" fillId="2" borderId="10" xfId="0" applyFont="1" applyFill="1" applyBorder="1" applyAlignment="1">
      <alignment horizontal="center" vertical="center"/>
    </xf>
    <xf numFmtId="0" fontId="0" fillId="2" borderId="53" xfId="0" applyFill="1" applyBorder="1" applyAlignment="1">
      <alignment horizontal="center" vertical="center"/>
    </xf>
    <xf numFmtId="0" fontId="3" fillId="2" borderId="1" xfId="0" applyFont="1" applyFill="1" applyBorder="1" applyAlignment="1">
      <alignment horizontal="center" vertical="center"/>
    </xf>
    <xf numFmtId="0" fontId="3" fillId="2" borderId="2" xfId="0" applyFont="1" applyFill="1" applyBorder="1" applyAlignment="1">
      <alignment horizontal="center" vertical="center"/>
    </xf>
    <xf numFmtId="0" fontId="3" fillId="2" borderId="74" xfId="0" applyFont="1" applyFill="1" applyBorder="1" applyAlignment="1">
      <alignment horizontal="center" vertical="center"/>
    </xf>
    <xf numFmtId="0" fontId="3" fillId="0" borderId="2" xfId="0" applyFont="1" applyBorder="1" applyAlignment="1">
      <alignment vertical="center" shrinkToFit="1"/>
    </xf>
    <xf numFmtId="0" fontId="3" fillId="0" borderId="5" xfId="0" applyFont="1" applyBorder="1" applyAlignment="1">
      <alignment vertical="center" shrinkToFit="1"/>
    </xf>
    <xf numFmtId="0" fontId="3" fillId="2" borderId="21" xfId="0" applyFont="1" applyFill="1" applyBorder="1" applyAlignment="1">
      <alignment horizontal="center" vertical="center"/>
    </xf>
    <xf numFmtId="0" fontId="3" fillId="2" borderId="75" xfId="0" applyFont="1" applyFill="1" applyBorder="1" applyAlignment="1">
      <alignment horizontal="center" vertical="center" textRotation="255"/>
    </xf>
    <xf numFmtId="0" fontId="3" fillId="0" borderId="3" xfId="0" applyFont="1" applyBorder="1" applyAlignment="1">
      <alignment vertical="center" shrinkToFit="1"/>
    </xf>
    <xf numFmtId="0" fontId="3" fillId="0" borderId="6" xfId="0" applyFont="1" applyBorder="1" applyAlignment="1">
      <alignment vertical="center" shrinkToFit="1"/>
    </xf>
    <xf numFmtId="0" fontId="3" fillId="2" borderId="23" xfId="0" applyFont="1" applyFill="1" applyBorder="1" applyAlignment="1">
      <alignment horizontal="center" vertical="center"/>
    </xf>
    <xf numFmtId="0" fontId="3" fillId="0" borderId="18" xfId="0" applyFont="1" applyBorder="1" applyAlignment="1">
      <alignment vertical="center" shrinkToFit="1"/>
    </xf>
    <xf numFmtId="0" fontId="9" fillId="0" borderId="18" xfId="0" applyFont="1" applyBorder="1" applyAlignment="1">
      <alignment horizontal="center" vertical="center" shrinkToFit="1"/>
    </xf>
    <xf numFmtId="0" fontId="3" fillId="0" borderId="19" xfId="0" applyFont="1" applyBorder="1" applyAlignment="1">
      <alignment vertical="center" shrinkToFit="1"/>
    </xf>
    <xf numFmtId="0" fontId="3" fillId="0" borderId="0" xfId="0" applyFont="1" applyBorder="1" applyAlignment="1">
      <alignment vertical="center" shrinkToFit="1"/>
    </xf>
    <xf numFmtId="0" fontId="3" fillId="0" borderId="25" xfId="0" applyFont="1" applyBorder="1" applyAlignment="1">
      <alignment vertical="center" shrinkToFit="1"/>
    </xf>
    <xf numFmtId="0" fontId="3" fillId="2" borderId="67" xfId="0" applyFont="1" applyFill="1" applyBorder="1" applyAlignment="1">
      <alignment vertical="center" textRotation="255"/>
    </xf>
    <xf numFmtId="0" fontId="3" fillId="2" borderId="57" xfId="0" applyFont="1" applyFill="1" applyBorder="1" applyAlignment="1">
      <alignment vertical="center" textRotation="255"/>
    </xf>
    <xf numFmtId="0" fontId="3" fillId="2" borderId="69" xfId="0" applyFont="1" applyFill="1" applyBorder="1" applyAlignment="1">
      <alignment vertical="center" textRotation="255"/>
    </xf>
    <xf numFmtId="0" fontId="3" fillId="2" borderId="71" xfId="0" applyFont="1" applyFill="1" applyBorder="1" applyAlignment="1">
      <alignment vertical="center" textRotation="255"/>
    </xf>
    <xf numFmtId="0" fontId="9" fillId="2" borderId="24" xfId="0" applyFont="1" applyFill="1" applyBorder="1" applyAlignment="1">
      <alignment horizontal="center" vertical="center"/>
    </xf>
    <xf numFmtId="0" fontId="9" fillId="2" borderId="18" xfId="0" applyFont="1" applyFill="1" applyBorder="1" applyAlignment="1">
      <alignment horizontal="center" vertical="center"/>
    </xf>
    <xf numFmtId="0" fontId="9" fillId="2" borderId="73" xfId="0" applyFont="1" applyFill="1" applyBorder="1" applyAlignment="1">
      <alignment horizontal="center" vertical="center"/>
    </xf>
    <xf numFmtId="0" fontId="3" fillId="0" borderId="41" xfId="0" applyFont="1" applyBorder="1" applyAlignment="1">
      <alignment vertical="center" shrinkToFit="1"/>
    </xf>
    <xf numFmtId="0" fontId="3" fillId="0" borderId="27" xfId="0" applyFont="1" applyBorder="1" applyAlignment="1">
      <alignment vertical="center" shrinkToFit="1"/>
    </xf>
    <xf numFmtId="0" fontId="3" fillId="0" borderId="28" xfId="0" applyFont="1" applyBorder="1" applyAlignment="1">
      <alignment vertical="center" shrinkToFit="1"/>
    </xf>
    <xf numFmtId="0" fontId="3" fillId="2" borderId="35" xfId="0" applyFont="1" applyFill="1" applyBorder="1" applyAlignment="1">
      <alignment horizontal="center" vertical="center"/>
    </xf>
    <xf numFmtId="0" fontId="3" fillId="2" borderId="36" xfId="0" applyFont="1" applyFill="1" applyBorder="1" applyAlignment="1">
      <alignment horizontal="center" vertical="center"/>
    </xf>
    <xf numFmtId="0" fontId="3" fillId="2" borderId="38" xfId="0" applyFont="1" applyFill="1" applyBorder="1" applyAlignment="1">
      <alignment horizontal="center" vertical="center"/>
    </xf>
    <xf numFmtId="0" fontId="0" fillId="2" borderId="36" xfId="0" applyFill="1" applyBorder="1" applyAlignment="1">
      <alignment horizontal="center" vertical="center"/>
    </xf>
    <xf numFmtId="0" fontId="3" fillId="2" borderId="35" xfId="0" applyFont="1" applyFill="1" applyBorder="1" applyAlignment="1">
      <alignment horizontal="center" vertical="center" textRotation="255"/>
    </xf>
    <xf numFmtId="0" fontId="3" fillId="2" borderId="37" xfId="0" applyFont="1" applyFill="1" applyBorder="1" applyAlignment="1">
      <alignment horizontal="center" vertical="center" textRotation="255"/>
    </xf>
    <xf numFmtId="0" fontId="3" fillId="2" borderId="39" xfId="0" applyFont="1" applyFill="1" applyBorder="1" applyAlignment="1">
      <alignment horizontal="center" vertical="center" textRotation="255"/>
    </xf>
    <xf numFmtId="0" fontId="3" fillId="2" borderId="76" xfId="0" applyFont="1" applyFill="1" applyBorder="1" applyAlignment="1">
      <alignment horizontal="center" vertical="center" textRotation="255"/>
    </xf>
    <xf numFmtId="0" fontId="3" fillId="2" borderId="77" xfId="0" applyFont="1" applyFill="1" applyBorder="1" applyAlignment="1">
      <alignment horizontal="center" vertical="center" textRotation="255"/>
    </xf>
    <xf numFmtId="0" fontId="3" fillId="2" borderId="78" xfId="0" applyFont="1" applyFill="1" applyBorder="1" applyAlignment="1">
      <alignment horizontal="center" vertical="center" textRotation="255"/>
    </xf>
    <xf numFmtId="0" fontId="3" fillId="2" borderId="36" xfId="0" applyFont="1" applyFill="1" applyBorder="1" applyAlignment="1">
      <alignment horizontal="center" vertical="center" textRotation="255"/>
    </xf>
    <xf numFmtId="0" fontId="3" fillId="2" borderId="38" xfId="0" applyFont="1" applyFill="1" applyBorder="1" applyAlignment="1">
      <alignment horizontal="center" vertical="center" textRotation="255"/>
    </xf>
    <xf numFmtId="0" fontId="3" fillId="2" borderId="40" xfId="0" applyFont="1" applyFill="1" applyBorder="1" applyAlignment="1">
      <alignment horizontal="center" vertical="center"/>
    </xf>
    <xf numFmtId="0" fontId="3" fillId="2" borderId="50" xfId="0" applyFont="1" applyFill="1" applyBorder="1" applyAlignment="1">
      <alignment horizontal="center" vertical="center"/>
    </xf>
    <xf numFmtId="0" fontId="0" fillId="2" borderId="49" xfId="0" applyFill="1" applyBorder="1" applyAlignment="1">
      <alignment horizontal="center" vertical="center"/>
    </xf>
    <xf numFmtId="0" fontId="3" fillId="2" borderId="7" xfId="0" applyFont="1" applyFill="1" applyBorder="1" applyAlignment="1">
      <alignment horizontal="center" vertical="center" wrapText="1"/>
    </xf>
    <xf numFmtId="0" fontId="3" fillId="2" borderId="8" xfId="0" applyFont="1" applyFill="1" applyBorder="1" applyAlignment="1">
      <alignment horizontal="center" vertical="center" wrapText="1"/>
    </xf>
    <xf numFmtId="0" fontId="7" fillId="2" borderId="54" xfId="0" applyFont="1" applyFill="1" applyBorder="1" applyAlignment="1">
      <alignment horizontal="center" vertical="center" textRotation="255" wrapText="1"/>
    </xf>
    <xf numFmtId="0" fontId="7" fillId="2" borderId="55" xfId="0" applyFont="1" applyFill="1" applyBorder="1" applyAlignment="1">
      <alignment horizontal="center" vertical="center" textRotation="255" wrapText="1"/>
    </xf>
    <xf numFmtId="0" fontId="7" fillId="2" borderId="56" xfId="0" applyFont="1" applyFill="1" applyBorder="1" applyAlignment="1">
      <alignment horizontal="center" vertical="center" textRotation="255" wrapText="1"/>
    </xf>
    <xf numFmtId="0" fontId="3" fillId="2" borderId="41" xfId="0" applyFont="1" applyFill="1" applyBorder="1" applyAlignment="1">
      <alignment horizontal="center" vertical="center"/>
    </xf>
    <xf numFmtId="0" fontId="0" fillId="2" borderId="42" xfId="0" applyFill="1" applyBorder="1" applyAlignment="1">
      <alignment horizontal="center" vertical="center"/>
    </xf>
    <xf numFmtId="0" fontId="0" fillId="2" borderId="47" xfId="0" applyFill="1" applyBorder="1" applyAlignment="1">
      <alignment horizontal="center" vertical="center"/>
    </xf>
    <xf numFmtId="0" fontId="3" fillId="2" borderId="53" xfId="0" applyFont="1" applyFill="1" applyBorder="1" applyAlignment="1">
      <alignment horizontal="center" vertical="center"/>
    </xf>
    <xf numFmtId="0" fontId="3" fillId="2" borderId="42" xfId="0" applyFont="1" applyFill="1" applyBorder="1" applyAlignment="1">
      <alignment horizontal="center" vertical="center"/>
    </xf>
    <xf numFmtId="0" fontId="3" fillId="0" borderId="42" xfId="0" applyFont="1" applyBorder="1" applyAlignment="1">
      <alignment vertical="center" shrinkToFit="1"/>
    </xf>
    <xf numFmtId="0" fontId="3" fillId="2" borderId="33" xfId="0" applyFont="1" applyFill="1" applyBorder="1" applyAlignment="1">
      <alignment horizontal="center" vertical="center"/>
    </xf>
    <xf numFmtId="0" fontId="3" fillId="2" borderId="8" xfId="0" applyFont="1" applyFill="1" applyBorder="1" applyAlignment="1">
      <alignment horizontal="center" vertical="center"/>
    </xf>
    <xf numFmtId="0" fontId="3" fillId="0" borderId="43" xfId="0" applyFont="1" applyBorder="1" applyAlignment="1">
      <alignment horizontal="left" vertical="center" shrinkToFit="1"/>
    </xf>
    <xf numFmtId="0" fontId="3" fillId="0" borderId="29" xfId="0" applyFont="1" applyBorder="1" applyAlignment="1">
      <alignment horizontal="left" vertical="center" shrinkToFit="1"/>
    </xf>
    <xf numFmtId="0" fontId="6" fillId="2" borderId="40" xfId="0" applyFont="1" applyFill="1" applyBorder="1" applyAlignment="1">
      <alignment horizontal="center" vertical="center"/>
    </xf>
    <xf numFmtId="0" fontId="3" fillId="2" borderId="39" xfId="0" applyFont="1" applyFill="1" applyBorder="1" applyAlignment="1">
      <alignment horizontal="center" vertical="center"/>
    </xf>
    <xf numFmtId="0" fontId="3" fillId="2" borderId="76" xfId="0" applyFont="1" applyFill="1" applyBorder="1" applyAlignment="1">
      <alignment horizontal="center" vertical="center"/>
    </xf>
    <xf numFmtId="0" fontId="3" fillId="2" borderId="43" xfId="0" applyFont="1" applyFill="1" applyBorder="1" applyAlignment="1">
      <alignment horizontal="center" vertical="center"/>
    </xf>
    <xf numFmtId="0" fontId="3" fillId="2" borderId="44" xfId="0" applyFont="1" applyFill="1" applyBorder="1" applyAlignment="1">
      <alignment horizontal="center" vertical="center"/>
    </xf>
    <xf numFmtId="0" fontId="3" fillId="2" borderId="40" xfId="0" applyFont="1" applyFill="1" applyBorder="1" applyAlignment="1">
      <alignment horizontal="center" vertical="center" textRotation="255"/>
    </xf>
    <xf numFmtId="0" fontId="3" fillId="2" borderId="17" xfId="0" applyFont="1" applyFill="1" applyBorder="1" applyAlignment="1">
      <alignment horizontal="center" vertical="center" textRotation="255"/>
    </xf>
    <xf numFmtId="0" fontId="3" fillId="2" borderId="73" xfId="0" applyFont="1" applyFill="1" applyBorder="1" applyAlignment="1">
      <alignment horizontal="center" vertical="center" textRotation="255"/>
    </xf>
    <xf numFmtId="0" fontId="3" fillId="2" borderId="26" xfId="0" applyFont="1" applyFill="1" applyBorder="1" applyAlignment="1">
      <alignment horizontal="center" vertical="center" textRotation="255"/>
    </xf>
    <xf numFmtId="0" fontId="3" fillId="2" borderId="57" xfId="0" applyFont="1" applyFill="1" applyBorder="1" applyAlignment="1">
      <alignment horizontal="center" vertical="center" textRotation="255"/>
    </xf>
    <xf numFmtId="0" fontId="3" fillId="2" borderId="23" xfId="0" applyFont="1" applyFill="1" applyBorder="1" applyAlignment="1">
      <alignment horizontal="center" vertical="center" textRotation="255"/>
    </xf>
    <xf numFmtId="0" fontId="3" fillId="2" borderId="58" xfId="0" applyFont="1" applyFill="1" applyBorder="1" applyAlignment="1">
      <alignment horizontal="center" vertical="center" textRotation="255"/>
    </xf>
    <xf numFmtId="0" fontId="3" fillId="2" borderId="49" xfId="0" applyFont="1" applyFill="1" applyBorder="1" applyAlignment="1">
      <alignment horizontal="center" vertical="center"/>
    </xf>
    <xf numFmtId="0" fontId="3" fillId="0" borderId="41" xfId="0" applyFont="1" applyBorder="1" applyAlignment="1">
      <alignment horizontal="left" vertical="center" shrinkToFit="1"/>
    </xf>
    <xf numFmtId="0" fontId="3" fillId="0" borderId="27" xfId="0" applyFont="1" applyBorder="1" applyAlignment="1">
      <alignment horizontal="left" vertical="center" shrinkToFit="1"/>
    </xf>
    <xf numFmtId="0" fontId="3" fillId="0" borderId="45" xfId="0" applyFont="1" applyBorder="1" applyAlignment="1">
      <alignment horizontal="left" vertical="center" shrinkToFit="1"/>
    </xf>
    <xf numFmtId="0" fontId="3" fillId="0" borderId="33" xfId="0" applyFont="1" applyBorder="1" applyAlignment="1">
      <alignment vertical="center" shrinkToFit="1"/>
    </xf>
    <xf numFmtId="0" fontId="3" fillId="0" borderId="8" xfId="0" applyFont="1" applyBorder="1" applyAlignment="1">
      <alignment vertical="center" shrinkToFit="1"/>
    </xf>
    <xf numFmtId="0" fontId="3" fillId="0" borderId="9" xfId="0" applyFont="1" applyBorder="1" applyAlignment="1">
      <alignment vertical="center" shrinkToFit="1"/>
    </xf>
    <xf numFmtId="0" fontId="3" fillId="0" borderId="33" xfId="0" applyFont="1" applyBorder="1" applyAlignment="1">
      <alignment horizontal="left" vertical="center" shrinkToFit="1"/>
    </xf>
    <xf numFmtId="0" fontId="3" fillId="0" borderId="8" xfId="0" applyFont="1" applyBorder="1" applyAlignment="1">
      <alignment horizontal="left" vertical="center" shrinkToFit="1"/>
    </xf>
    <xf numFmtId="0" fontId="3" fillId="0" borderId="53" xfId="0" applyFont="1" applyBorder="1" applyAlignment="1">
      <alignment horizontal="left" vertical="center" shrinkToFit="1"/>
    </xf>
    <xf numFmtId="0" fontId="16" fillId="0" borderId="12" xfId="0" applyFont="1" applyBorder="1" applyAlignment="1">
      <alignment vertical="top" wrapText="1"/>
    </xf>
    <xf numFmtId="0" fontId="16" fillId="0" borderId="0" xfId="0" applyFont="1" applyBorder="1" applyAlignment="1">
      <alignment vertical="top" wrapText="1"/>
    </xf>
    <xf numFmtId="0" fontId="16" fillId="0" borderId="13" xfId="0" applyFont="1" applyBorder="1" applyAlignment="1">
      <alignment vertical="top" wrapText="1"/>
    </xf>
    <xf numFmtId="0" fontId="16" fillId="0" borderId="14" xfId="0" applyFont="1" applyBorder="1" applyAlignment="1">
      <alignment vertical="top" wrapText="1"/>
    </xf>
    <xf numFmtId="0" fontId="16" fillId="0" borderId="15" xfId="0" applyFont="1" applyBorder="1" applyAlignment="1">
      <alignment vertical="top" wrapText="1"/>
    </xf>
    <xf numFmtId="0" fontId="16" fillId="0" borderId="16" xfId="0" applyFont="1" applyBorder="1" applyAlignment="1">
      <alignment vertical="top" wrapText="1"/>
    </xf>
    <xf numFmtId="0" fontId="3" fillId="2" borderId="24" xfId="0" applyFont="1" applyFill="1" applyBorder="1" applyAlignment="1">
      <alignment horizontal="center" vertical="center" wrapText="1"/>
    </xf>
    <xf numFmtId="0" fontId="3" fillId="2" borderId="18" xfId="0" applyFont="1" applyFill="1" applyBorder="1" applyAlignment="1">
      <alignment horizontal="center" vertical="center" wrapText="1"/>
    </xf>
    <xf numFmtId="0" fontId="3" fillId="2" borderId="73" xfId="0" applyFont="1" applyFill="1" applyBorder="1" applyAlignment="1">
      <alignment horizontal="center" vertical="center" wrapText="1"/>
    </xf>
    <xf numFmtId="0" fontId="3" fillId="2" borderId="4" xfId="0" applyFont="1" applyFill="1" applyBorder="1" applyAlignment="1">
      <alignment horizontal="center" vertical="center" wrapText="1"/>
    </xf>
    <xf numFmtId="0" fontId="3" fillId="2" borderId="5" xfId="0" applyFont="1" applyFill="1" applyBorder="1" applyAlignment="1">
      <alignment horizontal="center" vertical="center" wrapText="1"/>
    </xf>
    <xf numFmtId="0" fontId="3" fillId="2" borderId="58" xfId="0" applyFont="1" applyFill="1" applyBorder="1" applyAlignment="1">
      <alignment horizontal="center" vertical="center" wrapText="1"/>
    </xf>
    <xf numFmtId="0" fontId="16" fillId="3" borderId="61" xfId="0" applyFont="1" applyFill="1" applyBorder="1" applyAlignment="1">
      <alignment horizontal="left" vertical="top" wrapText="1"/>
    </xf>
    <xf numFmtId="0" fontId="16" fillId="3" borderId="62" xfId="0" applyFont="1" applyFill="1" applyBorder="1" applyAlignment="1">
      <alignment horizontal="left" vertical="top" wrapText="1"/>
    </xf>
    <xf numFmtId="0" fontId="16" fillId="3" borderId="63" xfId="0" applyFont="1" applyFill="1" applyBorder="1" applyAlignment="1">
      <alignment horizontal="left" vertical="top" wrapText="1"/>
    </xf>
    <xf numFmtId="0" fontId="16" fillId="3" borderId="64" xfId="0" applyFont="1" applyFill="1" applyBorder="1" applyAlignment="1">
      <alignment horizontal="left" vertical="top" wrapText="1"/>
    </xf>
    <xf numFmtId="0" fontId="16" fillId="3" borderId="65" xfId="0" applyFont="1" applyFill="1" applyBorder="1" applyAlignment="1">
      <alignment horizontal="left" vertical="top" wrapText="1"/>
    </xf>
    <xf numFmtId="0" fontId="16" fillId="3" borderId="66" xfId="0" applyFont="1" applyFill="1" applyBorder="1" applyAlignment="1">
      <alignment horizontal="left" vertical="top" wrapText="1"/>
    </xf>
    <xf numFmtId="0" fontId="9" fillId="2" borderId="67" xfId="0" applyFont="1" applyFill="1" applyBorder="1" applyAlignment="1">
      <alignment vertical="center" wrapText="1"/>
    </xf>
    <xf numFmtId="0" fontId="9" fillId="2" borderId="61" xfId="0" applyFont="1" applyFill="1" applyBorder="1" applyAlignment="1">
      <alignment vertical="center" wrapText="1"/>
    </xf>
    <xf numFmtId="0" fontId="9" fillId="2" borderId="69" xfId="0" applyFont="1" applyFill="1" applyBorder="1" applyAlignment="1">
      <alignment vertical="center" wrapText="1"/>
    </xf>
    <xf numFmtId="0" fontId="9" fillId="2" borderId="63" xfId="0" applyFont="1" applyFill="1" applyBorder="1" applyAlignment="1">
      <alignment vertical="center" wrapText="1"/>
    </xf>
    <xf numFmtId="0" fontId="9" fillId="2" borderId="71" xfId="0" applyFont="1" applyFill="1" applyBorder="1" applyAlignment="1">
      <alignment vertical="center" wrapText="1"/>
    </xf>
    <xf numFmtId="0" fontId="9" fillId="2" borderId="65" xfId="0" applyFont="1" applyFill="1" applyBorder="1" applyAlignment="1">
      <alignment vertical="center" wrapText="1"/>
    </xf>
    <xf numFmtId="0" fontId="16" fillId="0" borderId="61" xfId="0" applyFont="1" applyFill="1" applyBorder="1" applyAlignment="1">
      <alignment horizontal="left" vertical="top" wrapText="1"/>
    </xf>
    <xf numFmtId="0" fontId="16" fillId="0" borderId="68" xfId="0" applyFont="1" applyFill="1" applyBorder="1" applyAlignment="1">
      <alignment horizontal="left" vertical="top" wrapText="1"/>
    </xf>
    <xf numFmtId="0" fontId="16" fillId="0" borderId="63" xfId="0" applyFont="1" applyFill="1" applyBorder="1" applyAlignment="1">
      <alignment horizontal="left" vertical="top" wrapText="1"/>
    </xf>
    <xf numFmtId="0" fontId="16" fillId="0" borderId="70" xfId="0" applyFont="1" applyFill="1" applyBorder="1" applyAlignment="1">
      <alignment horizontal="left" vertical="top" wrapText="1"/>
    </xf>
    <xf numFmtId="0" fontId="16" fillId="0" borderId="65" xfId="0" applyFont="1" applyFill="1" applyBorder="1" applyAlignment="1">
      <alignment horizontal="left" vertical="top" wrapText="1"/>
    </xf>
    <xf numFmtId="0" fontId="16" fillId="0" borderId="72" xfId="0" applyFont="1" applyFill="1" applyBorder="1" applyAlignment="1">
      <alignment horizontal="left" vertical="top" wrapText="1"/>
    </xf>
    <xf numFmtId="0" fontId="3" fillId="3" borderId="50" xfId="0" applyFont="1" applyFill="1" applyBorder="1" applyAlignment="1">
      <alignment vertical="center"/>
    </xf>
    <xf numFmtId="0" fontId="3" fillId="3" borderId="31" xfId="0" applyFont="1" applyFill="1" applyBorder="1" applyAlignment="1">
      <alignment vertical="center"/>
    </xf>
    <xf numFmtId="0" fontId="3" fillId="3" borderId="32" xfId="0" applyFont="1" applyFill="1" applyBorder="1" applyAlignment="1">
      <alignment vertical="center"/>
    </xf>
    <xf numFmtId="0" fontId="3" fillId="0" borderId="89" xfId="0" applyFont="1" applyFill="1" applyBorder="1" applyAlignment="1">
      <alignment vertical="center"/>
    </xf>
    <xf numFmtId="0" fontId="3" fillId="0" borderId="90" xfId="0" applyFont="1" applyFill="1" applyBorder="1" applyAlignment="1">
      <alignment vertical="center"/>
    </xf>
    <xf numFmtId="0" fontId="3" fillId="0" borderId="91" xfId="0" applyFont="1" applyFill="1" applyBorder="1" applyAlignment="1">
      <alignment vertical="center"/>
    </xf>
    <xf numFmtId="0" fontId="3" fillId="0" borderId="43" xfId="0" applyFont="1" applyBorder="1" applyAlignment="1">
      <alignment vertical="center" shrinkToFit="1"/>
    </xf>
    <xf numFmtId="0" fontId="3" fillId="0" borderId="29" xfId="0" applyFont="1" applyBorder="1" applyAlignment="1">
      <alignment vertical="center" shrinkToFit="1"/>
    </xf>
    <xf numFmtId="0" fontId="3" fillId="0" borderId="44" xfId="0" applyFont="1" applyBorder="1" applyAlignment="1">
      <alignment vertical="center" shrinkToFit="1"/>
    </xf>
    <xf numFmtId="0" fontId="3" fillId="0" borderId="30" xfId="0" applyFont="1" applyBorder="1" applyAlignment="1">
      <alignment vertical="center" shrinkToFit="1"/>
    </xf>
    <xf numFmtId="0" fontId="0" fillId="2" borderId="29" xfId="0" applyFill="1" applyBorder="1" applyAlignment="1">
      <alignment horizontal="center" vertical="center"/>
    </xf>
    <xf numFmtId="0" fontId="0" fillId="2" borderId="44" xfId="0" applyFill="1" applyBorder="1" applyAlignment="1">
      <alignment horizontal="center" vertical="center"/>
    </xf>
    <xf numFmtId="0" fontId="3" fillId="2" borderId="78" xfId="0" applyFont="1" applyFill="1" applyBorder="1" applyAlignment="1">
      <alignment horizontal="center" vertical="center"/>
    </xf>
    <xf numFmtId="0" fontId="9" fillId="2" borderId="54" xfId="0" applyFont="1" applyFill="1" applyBorder="1" applyAlignment="1">
      <alignment vertical="center" wrapText="1"/>
    </xf>
    <xf numFmtId="0" fontId="9" fillId="2" borderId="55" xfId="0" applyFont="1" applyFill="1" applyBorder="1" applyAlignment="1">
      <alignment vertical="center" wrapText="1"/>
    </xf>
    <xf numFmtId="0" fontId="9" fillId="2" borderId="56" xfId="0" applyFont="1" applyFill="1" applyBorder="1" applyAlignment="1">
      <alignment vertical="center" wrapText="1"/>
    </xf>
    <xf numFmtId="0" fontId="3" fillId="2" borderId="29" xfId="0" applyFont="1" applyFill="1" applyBorder="1" applyAlignment="1">
      <alignment horizontal="center" vertical="center"/>
    </xf>
    <xf numFmtId="0" fontId="3" fillId="2" borderId="34" xfId="0" applyFont="1" applyFill="1" applyBorder="1" applyAlignment="1">
      <alignment horizontal="center" vertical="center"/>
    </xf>
    <xf numFmtId="0" fontId="3" fillId="2" borderId="59" xfId="0" applyFont="1" applyFill="1" applyBorder="1" applyAlignment="1">
      <alignment horizontal="center" vertical="center"/>
    </xf>
    <xf numFmtId="0" fontId="14" fillId="0" borderId="18" xfId="0" applyFont="1" applyBorder="1" applyAlignment="1">
      <alignment horizontal="center" vertical="center" shrinkToFit="1"/>
    </xf>
    <xf numFmtId="0" fontId="14" fillId="0" borderId="93" xfId="0" applyFont="1" applyBorder="1" applyAlignment="1">
      <alignment horizontal="center" vertical="center" shrinkToFit="1"/>
    </xf>
    <xf numFmtId="0" fontId="14" fillId="0" borderId="0" xfId="0" applyFont="1" applyBorder="1" applyAlignment="1">
      <alignment horizontal="center" vertical="center" shrinkToFit="1"/>
    </xf>
    <xf numFmtId="0" fontId="14" fillId="0" borderId="25" xfId="0" applyFont="1" applyBorder="1" applyAlignment="1">
      <alignment horizontal="center" vertical="center" shrinkToFit="1"/>
    </xf>
    <xf numFmtId="0" fontId="14" fillId="0" borderId="5" xfId="0" applyFont="1" applyBorder="1" applyAlignment="1">
      <alignment horizontal="center" vertical="center" shrinkToFit="1"/>
    </xf>
    <xf numFmtId="0" fontId="14" fillId="0" borderId="22" xfId="0" applyFont="1" applyBorder="1" applyAlignment="1">
      <alignment horizontal="center" vertical="center" shrinkToFit="1"/>
    </xf>
    <xf numFmtId="0" fontId="9" fillId="0" borderId="80" xfId="0" applyFont="1" applyBorder="1" applyAlignment="1">
      <alignment horizontal="center" vertical="center"/>
    </xf>
    <xf numFmtId="0" fontId="9" fillId="0" borderId="18" xfId="0" applyFont="1" applyBorder="1" applyAlignment="1">
      <alignment horizontal="center" vertical="center"/>
    </xf>
    <xf numFmtId="0" fontId="14" fillId="0" borderId="18" xfId="0" applyFont="1" applyBorder="1" applyAlignment="1">
      <alignment horizontal="left" vertical="center"/>
    </xf>
    <xf numFmtId="0" fontId="14" fillId="0" borderId="93" xfId="0" applyFont="1" applyBorder="1" applyAlignment="1">
      <alignment horizontal="left" vertical="center"/>
    </xf>
    <xf numFmtId="0" fontId="14" fillId="0" borderId="0" xfId="0" applyFont="1" applyBorder="1" applyAlignment="1">
      <alignment vertical="center" shrinkToFit="1"/>
    </xf>
    <xf numFmtId="0" fontId="14" fillId="0" borderId="25" xfId="0" applyFont="1" applyBorder="1" applyAlignment="1">
      <alignment vertical="center" shrinkToFit="1"/>
    </xf>
    <xf numFmtId="0" fontId="9" fillId="0" borderId="24" xfId="0" applyFont="1" applyFill="1" applyBorder="1" applyAlignment="1">
      <alignment horizontal="center" vertical="center" wrapText="1"/>
    </xf>
    <xf numFmtId="0" fontId="9" fillId="0" borderId="18" xfId="0" applyFont="1" applyFill="1" applyBorder="1" applyAlignment="1">
      <alignment horizontal="center" vertical="center" wrapText="1"/>
    </xf>
    <xf numFmtId="0" fontId="9" fillId="0" borderId="73" xfId="0" applyFont="1" applyFill="1" applyBorder="1" applyAlignment="1">
      <alignment horizontal="center" vertical="center" wrapText="1"/>
    </xf>
    <xf numFmtId="0" fontId="9" fillId="0" borderId="12" xfId="0" applyFont="1" applyFill="1" applyBorder="1" applyAlignment="1">
      <alignment horizontal="center" vertical="center" wrapText="1"/>
    </xf>
    <xf numFmtId="0" fontId="9" fillId="0" borderId="0" xfId="0" applyFont="1" applyFill="1" applyBorder="1" applyAlignment="1">
      <alignment horizontal="center" vertical="center" wrapText="1"/>
    </xf>
    <xf numFmtId="0" fontId="9" fillId="0" borderId="57" xfId="0" applyFont="1" applyFill="1" applyBorder="1" applyAlignment="1">
      <alignment horizontal="center" vertical="center" wrapText="1"/>
    </xf>
    <xf numFmtId="0" fontId="9" fillId="0" borderId="4" xfId="0" applyFont="1" applyFill="1" applyBorder="1" applyAlignment="1">
      <alignment horizontal="center" vertical="center" wrapText="1"/>
    </xf>
    <xf numFmtId="0" fontId="9" fillId="0" borderId="5" xfId="0" applyFont="1" applyFill="1" applyBorder="1" applyAlignment="1">
      <alignment horizontal="center" vertical="center" wrapText="1"/>
    </xf>
    <xf numFmtId="0" fontId="9" fillId="0" borderId="58" xfId="0" applyFont="1" applyFill="1" applyBorder="1" applyAlignment="1">
      <alignment horizontal="center" vertical="center" wrapText="1"/>
    </xf>
    <xf numFmtId="0" fontId="40" fillId="0" borderId="24" xfId="0" applyFont="1" applyBorder="1" applyAlignment="1">
      <alignment horizontal="center" vertical="center" textRotation="255" wrapText="1"/>
    </xf>
    <xf numFmtId="0" fontId="40" fillId="0" borderId="18" xfId="0" applyFont="1" applyBorder="1" applyAlignment="1">
      <alignment horizontal="center" vertical="center" textRotation="255" wrapText="1"/>
    </xf>
    <xf numFmtId="0" fontId="40" fillId="0" borderId="12" xfId="0" applyFont="1" applyBorder="1" applyAlignment="1">
      <alignment horizontal="center" vertical="center" textRotation="255" wrapText="1"/>
    </xf>
    <xf numFmtId="0" fontId="40" fillId="0" borderId="0" xfId="0" applyFont="1" applyBorder="1" applyAlignment="1">
      <alignment horizontal="center" vertical="center" textRotation="255" wrapText="1"/>
    </xf>
    <xf numFmtId="0" fontId="40" fillId="0" borderId="4" xfId="0" applyFont="1" applyBorder="1" applyAlignment="1">
      <alignment horizontal="center" vertical="center" textRotation="255" wrapText="1"/>
    </xf>
    <xf numFmtId="0" fontId="40" fillId="0" borderId="5" xfId="0" applyFont="1" applyBorder="1" applyAlignment="1">
      <alignment horizontal="center" vertical="center" textRotation="255" wrapText="1"/>
    </xf>
    <xf numFmtId="0" fontId="13" fillId="4" borderId="102" xfId="0" applyFont="1" applyFill="1" applyBorder="1" applyAlignment="1">
      <alignment horizontal="center" vertical="center" shrinkToFit="1"/>
    </xf>
    <xf numFmtId="0" fontId="13" fillId="4" borderId="103" xfId="0" applyFont="1" applyFill="1" applyBorder="1" applyAlignment="1">
      <alignment horizontal="center" vertical="center" shrinkToFit="1"/>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3" fillId="0" borderId="53" xfId="0" applyFont="1" applyBorder="1" applyAlignment="1">
      <alignment horizontal="center" vertical="center"/>
    </xf>
    <xf numFmtId="0" fontId="3" fillId="4" borderId="33" xfId="0" applyFont="1" applyFill="1" applyBorder="1" applyAlignment="1">
      <alignment horizontal="left" vertical="center" wrapText="1"/>
    </xf>
    <xf numFmtId="0" fontId="3" fillId="4" borderId="8" xfId="0" applyFont="1" applyFill="1" applyBorder="1" applyAlignment="1">
      <alignment horizontal="left" vertical="center" wrapText="1"/>
    </xf>
    <xf numFmtId="0" fontId="32" fillId="0" borderId="8" xfId="0" applyFont="1" applyFill="1" applyBorder="1" applyAlignment="1">
      <alignment vertical="center" shrinkToFit="1"/>
    </xf>
    <xf numFmtId="0" fontId="3" fillId="0" borderId="35" xfId="0" applyFont="1" applyBorder="1" applyAlignment="1">
      <alignment horizontal="center" vertical="center" wrapText="1"/>
    </xf>
    <xf numFmtId="0" fontId="3" fillId="0" borderId="36" xfId="0" applyFont="1" applyBorder="1" applyAlignment="1">
      <alignment horizontal="center" vertical="center" wrapText="1"/>
    </xf>
    <xf numFmtId="0" fontId="3" fillId="0" borderId="39" xfId="0" applyFont="1" applyBorder="1" applyAlignment="1">
      <alignment horizontal="center" vertical="center" wrapText="1"/>
    </xf>
    <xf numFmtId="0" fontId="3" fillId="0" borderId="40" xfId="0" applyFont="1" applyBorder="1" applyAlignment="1">
      <alignment horizontal="center" vertical="center" wrapText="1"/>
    </xf>
    <xf numFmtId="0" fontId="13" fillId="4" borderId="98" xfId="0" applyFont="1" applyFill="1" applyBorder="1" applyAlignment="1">
      <alignment horizontal="center" vertical="center" shrinkToFit="1"/>
    </xf>
    <xf numFmtId="0" fontId="13" fillId="4" borderId="99" xfId="0" applyFont="1" applyFill="1" applyBorder="1" applyAlignment="1">
      <alignment horizontal="center" vertical="center" shrinkToFit="1"/>
    </xf>
    <xf numFmtId="0" fontId="13" fillId="4" borderId="100" xfId="0" applyFont="1" applyFill="1" applyBorder="1" applyAlignment="1">
      <alignment horizontal="center" vertical="center" shrinkToFit="1"/>
    </xf>
    <xf numFmtId="0" fontId="13" fillId="4" borderId="101" xfId="0" applyFont="1" applyFill="1" applyBorder="1" applyAlignment="1">
      <alignment horizontal="center" vertical="center" shrinkToFit="1"/>
    </xf>
    <xf numFmtId="0" fontId="3" fillId="0" borderId="34" xfId="0" applyFont="1" applyFill="1" applyBorder="1" applyAlignment="1">
      <alignment horizontal="center" vertical="center" wrapText="1"/>
    </xf>
    <xf numFmtId="0" fontId="3" fillId="0" borderId="59" xfId="0" applyFont="1" applyFill="1" applyBorder="1" applyAlignment="1">
      <alignment horizontal="center" vertical="center" wrapText="1"/>
    </xf>
    <xf numFmtId="0" fontId="13" fillId="4" borderId="8" xfId="0" applyFont="1" applyFill="1" applyBorder="1" applyAlignment="1">
      <alignment horizontal="left" vertical="center" shrinkToFit="1"/>
    </xf>
    <xf numFmtId="0" fontId="14" fillId="0" borderId="8" xfId="0" applyFont="1" applyFill="1" applyBorder="1" applyAlignment="1">
      <alignment vertical="center" shrinkToFit="1"/>
    </xf>
    <xf numFmtId="0" fontId="14" fillId="0" borderId="8" xfId="0" applyFont="1" applyBorder="1" applyAlignment="1">
      <alignment vertical="center" shrinkToFit="1"/>
    </xf>
    <xf numFmtId="0" fontId="3" fillId="0" borderId="78" xfId="0" applyFont="1" applyFill="1" applyBorder="1" applyAlignment="1">
      <alignment horizontal="center" vertical="center"/>
    </xf>
    <xf numFmtId="0" fontId="3" fillId="0" borderId="40" xfId="0" applyFont="1" applyFill="1" applyBorder="1" applyAlignment="1">
      <alignment horizontal="center" vertical="center"/>
    </xf>
    <xf numFmtId="0" fontId="13" fillId="4" borderId="31" xfId="0" applyFont="1" applyFill="1" applyBorder="1" applyAlignment="1">
      <alignment horizontal="center" vertical="center" shrinkToFit="1"/>
    </xf>
    <xf numFmtId="0" fontId="9" fillId="0" borderId="35" xfId="0" applyFont="1" applyFill="1" applyBorder="1" applyAlignment="1">
      <alignment vertical="center" wrapText="1"/>
    </xf>
    <xf numFmtId="0" fontId="9" fillId="0" borderId="36" xfId="0" applyFont="1" applyFill="1" applyBorder="1" applyAlignment="1">
      <alignment vertical="center" wrapText="1"/>
    </xf>
    <xf numFmtId="0" fontId="9" fillId="0" borderId="37" xfId="0" applyFont="1" applyFill="1" applyBorder="1" applyAlignment="1">
      <alignment vertical="center" wrapText="1"/>
    </xf>
    <xf numFmtId="0" fontId="9" fillId="0" borderId="38" xfId="0" applyFont="1" applyFill="1" applyBorder="1" applyAlignment="1">
      <alignment vertical="center" wrapText="1"/>
    </xf>
    <xf numFmtId="0" fontId="9" fillId="0" borderId="39" xfId="0" applyFont="1" applyFill="1" applyBorder="1" applyAlignment="1">
      <alignment vertical="center" wrapText="1"/>
    </xf>
    <xf numFmtId="0" fontId="9" fillId="0" borderId="40" xfId="0" applyFont="1" applyFill="1" applyBorder="1" applyAlignment="1">
      <alignment vertical="center" wrapText="1"/>
    </xf>
    <xf numFmtId="0" fontId="16" fillId="0" borderId="18" xfId="0" applyFont="1" applyFill="1" applyBorder="1" applyAlignment="1">
      <alignment horizontal="left" vertical="top" wrapText="1"/>
    </xf>
    <xf numFmtId="0" fontId="16" fillId="0" borderId="0" xfId="0" applyFont="1" applyFill="1" applyBorder="1" applyAlignment="1">
      <alignment horizontal="left" vertical="top" wrapText="1"/>
    </xf>
    <xf numFmtId="0" fontId="16" fillId="0" borderId="25" xfId="0" applyFont="1" applyFill="1" applyBorder="1" applyAlignment="1">
      <alignment horizontal="left" vertical="top" wrapText="1"/>
    </xf>
    <xf numFmtId="0" fontId="9" fillId="0" borderId="76" xfId="0" applyFont="1" applyFill="1" applyBorder="1" applyAlignment="1">
      <alignment vertical="center" wrapText="1"/>
    </xf>
    <xf numFmtId="0" fontId="9" fillId="0" borderId="77" xfId="0" applyFont="1" applyFill="1" applyBorder="1" applyAlignment="1">
      <alignment vertical="center" wrapText="1"/>
    </xf>
    <xf numFmtId="0" fontId="9" fillId="0" borderId="78" xfId="0" applyFont="1" applyFill="1" applyBorder="1" applyAlignment="1">
      <alignment vertical="center" wrapText="1"/>
    </xf>
    <xf numFmtId="0" fontId="16" fillId="0" borderId="13" xfId="0" applyFont="1" applyFill="1" applyBorder="1" applyAlignment="1">
      <alignment horizontal="left" vertical="top" wrapText="1"/>
    </xf>
    <xf numFmtId="0" fontId="16" fillId="0" borderId="5" xfId="0" applyFont="1" applyFill="1" applyBorder="1" applyAlignment="1">
      <alignment horizontal="left" vertical="top" wrapText="1"/>
    </xf>
    <xf numFmtId="0" fontId="16" fillId="0" borderId="6" xfId="0" applyFont="1" applyFill="1" applyBorder="1" applyAlignment="1">
      <alignment horizontal="left" vertical="top" wrapText="1"/>
    </xf>
    <xf numFmtId="0" fontId="3" fillId="0" borderId="35" xfId="0" applyFont="1" applyFill="1" applyBorder="1" applyAlignment="1">
      <alignment horizontal="center" vertical="center"/>
    </xf>
    <xf numFmtId="0" fontId="3" fillId="0" borderId="36" xfId="0" applyFont="1" applyFill="1" applyBorder="1" applyAlignment="1">
      <alignment horizontal="center" vertical="center"/>
    </xf>
    <xf numFmtId="0" fontId="14" fillId="0" borderId="27" xfId="0" applyFont="1" applyFill="1" applyBorder="1" applyAlignment="1">
      <alignment vertical="center" shrinkToFit="1"/>
    </xf>
    <xf numFmtId="0" fontId="13" fillId="4" borderId="5" xfId="0" applyFont="1" applyFill="1" applyBorder="1" applyAlignment="1">
      <alignment horizontal="center" vertical="center" shrinkToFit="1"/>
    </xf>
    <xf numFmtId="0" fontId="14" fillId="0" borderId="5" xfId="0" applyFont="1" applyBorder="1" applyAlignment="1">
      <alignment vertical="center" shrinkToFit="1"/>
    </xf>
    <xf numFmtId="0" fontId="28" fillId="0" borderId="5" xfId="0" applyFont="1" applyBorder="1" applyAlignment="1">
      <alignment vertical="center" shrinkToFit="1"/>
    </xf>
    <xf numFmtId="0" fontId="3" fillId="0" borderId="39" xfId="0" applyFont="1" applyFill="1" applyBorder="1" applyAlignment="1">
      <alignment horizontal="center" vertical="center"/>
    </xf>
    <xf numFmtId="0" fontId="14" fillId="0" borderId="31" xfId="0" applyFont="1" applyFill="1" applyBorder="1" applyAlignment="1">
      <alignment vertical="center" shrinkToFit="1"/>
    </xf>
    <xf numFmtId="0" fontId="3" fillId="0" borderId="76" xfId="0" applyFont="1" applyFill="1" applyBorder="1" applyAlignment="1">
      <alignment horizontal="center" vertical="center"/>
    </xf>
    <xf numFmtId="0" fontId="13" fillId="4" borderId="27" xfId="0" applyFont="1" applyFill="1" applyBorder="1" applyAlignment="1">
      <alignment horizontal="center" vertical="center" shrinkToFit="1"/>
    </xf>
    <xf numFmtId="0" fontId="14" fillId="0" borderId="27" xfId="0" applyFont="1" applyBorder="1" applyAlignment="1">
      <alignment vertical="center" shrinkToFit="1"/>
    </xf>
    <xf numFmtId="0" fontId="13" fillId="4" borderId="5" xfId="0" applyFont="1" applyFill="1" applyBorder="1" applyAlignment="1">
      <alignment horizontal="left" vertical="center" shrinkToFit="1"/>
    </xf>
    <xf numFmtId="0" fontId="13" fillId="4" borderId="46" xfId="0" applyFont="1" applyFill="1" applyBorder="1" applyAlignment="1">
      <alignment horizontal="left" vertical="center" shrinkToFit="1"/>
    </xf>
    <xf numFmtId="0" fontId="14" fillId="0" borderId="46" xfId="0" applyFont="1" applyBorder="1" applyAlignment="1">
      <alignment vertical="center" shrinkToFit="1"/>
    </xf>
    <xf numFmtId="0" fontId="28" fillId="0" borderId="46" xfId="0" applyFont="1" applyBorder="1" applyAlignment="1">
      <alignment vertical="center" shrinkToFit="1"/>
    </xf>
    <xf numFmtId="0" fontId="3" fillId="0" borderId="34" xfId="0" applyFont="1" applyBorder="1" applyAlignment="1">
      <alignment horizontal="center" vertical="center" wrapText="1"/>
    </xf>
    <xf numFmtId="0" fontId="3" fillId="0" borderId="59" xfId="0" applyFont="1" applyBorder="1" applyAlignment="1">
      <alignment horizontal="center" vertical="center" wrapText="1"/>
    </xf>
    <xf numFmtId="0" fontId="13" fillId="4" borderId="95" xfId="0" applyFont="1" applyFill="1" applyBorder="1" applyAlignment="1">
      <alignment horizontal="center" vertical="center" shrinkToFit="1"/>
    </xf>
    <xf numFmtId="0" fontId="13" fillId="4" borderId="96" xfId="0" applyFont="1" applyFill="1" applyBorder="1" applyAlignment="1">
      <alignment horizontal="center" vertical="center" shrinkToFit="1"/>
    </xf>
    <xf numFmtId="0" fontId="7" fillId="0" borderId="35" xfId="0" applyFont="1" applyBorder="1" applyAlignment="1">
      <alignment horizontal="center" vertical="center" textRotation="255" wrapText="1"/>
    </xf>
    <xf numFmtId="0" fontId="7" fillId="0" borderId="37" xfId="0" applyFont="1" applyBorder="1" applyAlignment="1">
      <alignment horizontal="center" vertical="center" textRotation="255" wrapText="1"/>
    </xf>
    <xf numFmtId="0" fontId="7" fillId="0" borderId="39" xfId="0" applyFont="1" applyBorder="1" applyAlignment="1">
      <alignment horizontal="center" vertical="center" textRotation="255" wrapText="1"/>
    </xf>
    <xf numFmtId="0" fontId="3" fillId="0" borderId="36" xfId="0" applyFont="1" applyBorder="1" applyAlignment="1">
      <alignment horizontal="center" vertical="center"/>
    </xf>
    <xf numFmtId="0" fontId="0" fillId="0" borderId="36" xfId="0" applyBorder="1" applyAlignment="1">
      <alignment horizontal="center" vertical="center"/>
    </xf>
    <xf numFmtId="0" fontId="13" fillId="4" borderId="18" xfId="0" applyFont="1" applyFill="1" applyBorder="1" applyAlignment="1">
      <alignment horizontal="left" vertical="center" shrinkToFit="1"/>
    </xf>
    <xf numFmtId="0" fontId="14" fillId="0" borderId="29" xfId="0" applyFont="1" applyBorder="1" applyAlignment="1">
      <alignment vertical="center" shrinkToFit="1"/>
    </xf>
    <xf numFmtId="0" fontId="28" fillId="0" borderId="29" xfId="0" applyFont="1" applyBorder="1" applyAlignment="1">
      <alignment vertical="center" shrinkToFit="1"/>
    </xf>
    <xf numFmtId="0" fontId="8" fillId="0" borderId="38" xfId="0" applyFont="1" applyBorder="1" applyAlignment="1">
      <alignment horizontal="center" vertical="center"/>
    </xf>
    <xf numFmtId="0" fontId="42" fillId="0" borderId="38" xfId="0" applyFont="1" applyBorder="1" applyAlignment="1">
      <alignment horizontal="center" vertical="center"/>
    </xf>
    <xf numFmtId="0" fontId="13" fillId="4" borderId="29" xfId="0" applyFont="1" applyFill="1" applyBorder="1" applyAlignment="1">
      <alignment horizontal="left" vertical="center" shrinkToFit="1"/>
    </xf>
    <xf numFmtId="0" fontId="0" fillId="0" borderId="38" xfId="0" applyBorder="1" applyAlignment="1">
      <alignment horizontal="center" vertical="center"/>
    </xf>
    <xf numFmtId="0" fontId="13" fillId="4" borderId="8" xfId="0" applyFont="1" applyFill="1" applyBorder="1" applyAlignment="1">
      <alignment horizontal="center" vertical="center" shrinkToFit="1"/>
    </xf>
    <xf numFmtId="0" fontId="28" fillId="0" borderId="8" xfId="0" applyFont="1" applyBorder="1" applyAlignment="1">
      <alignment vertical="center" shrinkToFit="1"/>
    </xf>
    <xf numFmtId="0" fontId="3" fillId="0" borderId="59" xfId="0" applyFont="1" applyBorder="1" applyAlignment="1">
      <alignment horizontal="center" vertical="center"/>
    </xf>
    <xf numFmtId="0" fontId="0" fillId="0" borderId="59" xfId="0" applyBorder="1" applyAlignment="1">
      <alignment horizontal="center" vertical="center"/>
    </xf>
    <xf numFmtId="0" fontId="3" fillId="0" borderId="76" xfId="0" applyFont="1" applyBorder="1" applyAlignment="1">
      <alignment horizontal="center" vertical="center" textRotation="255"/>
    </xf>
    <xf numFmtId="0" fontId="3" fillId="0" borderId="36" xfId="0" applyFont="1" applyBorder="1" applyAlignment="1">
      <alignment horizontal="center" vertical="center" textRotation="255"/>
    </xf>
    <xf numFmtId="0" fontId="3" fillId="0" borderId="77" xfId="0" applyFont="1" applyBorder="1" applyAlignment="1">
      <alignment horizontal="center" vertical="center" textRotation="255"/>
    </xf>
    <xf numFmtId="0" fontId="3" fillId="0" borderId="38" xfId="0" applyFont="1" applyBorder="1" applyAlignment="1">
      <alignment horizontal="center" vertical="center" textRotation="255"/>
    </xf>
    <xf numFmtId="0" fontId="3" fillId="0" borderId="78" xfId="0" applyFont="1" applyBorder="1" applyAlignment="1">
      <alignment horizontal="center" vertical="center" textRotation="255"/>
    </xf>
    <xf numFmtId="0" fontId="3" fillId="0" borderId="40" xfId="0" applyFont="1" applyBorder="1" applyAlignment="1">
      <alignment horizontal="center" vertical="center" textRotation="255"/>
    </xf>
    <xf numFmtId="0" fontId="14" fillId="0" borderId="18" xfId="0" applyFont="1" applyBorder="1" applyAlignment="1">
      <alignment vertical="center" shrinkToFit="1"/>
    </xf>
    <xf numFmtId="0" fontId="28" fillId="0" borderId="18" xfId="0" applyFont="1" applyBorder="1" applyAlignment="1">
      <alignment vertical="center" shrinkToFit="1"/>
    </xf>
    <xf numFmtId="0" fontId="13" fillId="4" borderId="0" xfId="0" applyFont="1" applyFill="1" applyBorder="1" applyAlignment="1">
      <alignment horizontal="center" vertical="center" shrinkToFit="1"/>
    </xf>
    <xf numFmtId="0" fontId="3" fillId="0" borderId="40" xfId="0" applyFont="1" applyBorder="1" applyAlignment="1">
      <alignment horizontal="center" vertical="center"/>
    </xf>
    <xf numFmtId="0" fontId="0" fillId="0" borderId="40" xfId="0" applyBorder="1" applyAlignment="1">
      <alignment horizontal="center" vertical="center"/>
    </xf>
    <xf numFmtId="0" fontId="6" fillId="0" borderId="66" xfId="0" applyFont="1" applyBorder="1" applyAlignment="1">
      <alignment horizontal="center" vertical="center"/>
    </xf>
    <xf numFmtId="0" fontId="6" fillId="0" borderId="23" xfId="0" applyFont="1" applyBorder="1" applyAlignment="1">
      <alignment horizontal="center" vertical="center"/>
    </xf>
    <xf numFmtId="0" fontId="13" fillId="4" borderId="60" xfId="0" applyFont="1" applyFill="1" applyBorder="1" applyAlignment="1">
      <alignment horizontal="left" vertical="center" shrinkToFit="1"/>
    </xf>
    <xf numFmtId="0" fontId="13" fillId="4" borderId="6" xfId="0" applyFont="1" applyFill="1" applyBorder="1" applyAlignment="1">
      <alignment horizontal="left" vertical="center" shrinkToFit="1"/>
    </xf>
    <xf numFmtId="0" fontId="13" fillId="4" borderId="29" xfId="0" applyFont="1" applyFill="1" applyBorder="1" applyAlignment="1">
      <alignment horizontal="center" vertical="center" shrinkToFit="1"/>
    </xf>
    <xf numFmtId="0" fontId="35" fillId="4" borderId="29" xfId="0" applyFont="1" applyFill="1" applyBorder="1" applyAlignment="1">
      <alignment horizontal="center" vertical="center" shrinkToFit="1"/>
    </xf>
    <xf numFmtId="0" fontId="3" fillId="0" borderId="94" xfId="0" applyFont="1" applyBorder="1" applyAlignment="1">
      <alignment horizontal="center" vertical="center"/>
    </xf>
    <xf numFmtId="0" fontId="3" fillId="0" borderId="10" xfId="0" applyFont="1" applyBorder="1" applyAlignment="1">
      <alignment horizontal="center" vertical="center"/>
    </xf>
    <xf numFmtId="0" fontId="0" fillId="0" borderId="53" xfId="0" applyBorder="1" applyAlignment="1">
      <alignment horizontal="center" vertical="center"/>
    </xf>
    <xf numFmtId="0" fontId="13" fillId="4" borderId="33" xfId="0" applyFont="1" applyFill="1" applyBorder="1" applyAlignment="1">
      <alignment horizontal="left" vertical="center" shrinkToFit="1"/>
    </xf>
    <xf numFmtId="0" fontId="3" fillId="0" borderId="35" xfId="0" applyFont="1" applyBorder="1" applyAlignment="1">
      <alignment horizontal="center" vertical="center" textRotation="255"/>
    </xf>
    <xf numFmtId="0" fontId="3" fillId="0" borderId="37" xfId="0" applyFont="1" applyBorder="1" applyAlignment="1">
      <alignment horizontal="center" vertical="center" textRotation="255"/>
    </xf>
    <xf numFmtId="0" fontId="3" fillId="0" borderId="39" xfId="0" applyFont="1" applyBorder="1" applyAlignment="1">
      <alignment horizontal="center" vertical="center" textRotation="255"/>
    </xf>
    <xf numFmtId="0" fontId="3" fillId="0" borderId="80" xfId="0" applyFont="1" applyBorder="1" applyAlignment="1">
      <alignment horizontal="center" vertical="center"/>
    </xf>
    <xf numFmtId="0" fontId="0" fillId="0" borderId="18" xfId="0" applyBorder="1" applyAlignment="1">
      <alignment horizontal="center" vertical="center"/>
    </xf>
    <xf numFmtId="0" fontId="6" fillId="0" borderId="40" xfId="0" applyFont="1" applyBorder="1" applyAlignment="1">
      <alignment horizontal="center" vertical="center"/>
    </xf>
    <xf numFmtId="0" fontId="3" fillId="4" borderId="5" xfId="0" applyFont="1" applyFill="1" applyBorder="1" applyAlignment="1">
      <alignment horizontal="center" vertical="center"/>
    </xf>
    <xf numFmtId="0" fontId="13" fillId="4" borderId="22" xfId="0" applyFont="1" applyFill="1" applyBorder="1" applyAlignment="1">
      <alignment horizontal="left" vertical="center" shrinkToFit="1"/>
    </xf>
    <xf numFmtId="0" fontId="13" fillId="4" borderId="43" xfId="0" applyFont="1" applyFill="1" applyBorder="1" applyAlignment="1">
      <alignment horizontal="left" vertical="center" shrinkToFit="1"/>
    </xf>
    <xf numFmtId="0" fontId="3" fillId="0" borderId="43" xfId="0" applyFont="1" applyBorder="1" applyAlignment="1">
      <alignment horizontal="center" vertical="center"/>
    </xf>
    <xf numFmtId="0" fontId="0" fillId="0" borderId="29" xfId="0" applyBorder="1" applyAlignment="1">
      <alignment horizontal="center" vertical="center"/>
    </xf>
    <xf numFmtId="0" fontId="13" fillId="4" borderId="30" xfId="0" applyFont="1" applyFill="1" applyBorder="1" applyAlignment="1">
      <alignment horizontal="left" vertical="center" shrinkToFit="1"/>
    </xf>
    <xf numFmtId="0" fontId="13" fillId="4" borderId="80" xfId="0" applyFont="1" applyFill="1" applyBorder="1" applyAlignment="1">
      <alignment horizontal="left" vertical="center" shrinkToFit="1"/>
    </xf>
    <xf numFmtId="0" fontId="13" fillId="4" borderId="19" xfId="0" applyFont="1" applyFill="1" applyBorder="1" applyAlignment="1">
      <alignment horizontal="left" vertical="center" shrinkToFit="1"/>
    </xf>
    <xf numFmtId="0" fontId="13" fillId="4" borderId="18" xfId="0" applyFont="1" applyFill="1" applyBorder="1" applyAlignment="1">
      <alignment horizontal="center" vertical="center" shrinkToFit="1"/>
    </xf>
    <xf numFmtId="0" fontId="3" fillId="0" borderId="24" xfId="0" applyFont="1" applyBorder="1" applyAlignment="1">
      <alignment horizontal="center" vertical="center"/>
    </xf>
    <xf numFmtId="0" fontId="3" fillId="0" borderId="18" xfId="0" applyFont="1" applyBorder="1" applyAlignment="1">
      <alignment horizontal="center" vertical="center"/>
    </xf>
    <xf numFmtId="0" fontId="3" fillId="0" borderId="4" xfId="0" applyFont="1" applyBorder="1" applyAlignment="1">
      <alignment horizontal="center" vertical="center"/>
    </xf>
    <xf numFmtId="0" fontId="3" fillId="0" borderId="5" xfId="0" applyFont="1" applyBorder="1" applyAlignment="1">
      <alignment horizontal="center" vertical="center"/>
    </xf>
    <xf numFmtId="0" fontId="3" fillId="0" borderId="80" xfId="0" applyFont="1" applyFill="1" applyBorder="1" applyAlignment="1">
      <alignment vertical="center"/>
    </xf>
    <xf numFmtId="0" fontId="3" fillId="0" borderId="18" xfId="0" applyFont="1" applyFill="1" applyBorder="1" applyAlignment="1">
      <alignment vertical="center"/>
    </xf>
    <xf numFmtId="0" fontId="3" fillId="0" borderId="67" xfId="0" applyFont="1" applyBorder="1" applyAlignment="1">
      <alignment horizontal="center" vertical="center" textRotation="255"/>
    </xf>
    <xf numFmtId="0" fontId="3" fillId="0" borderId="69" xfId="0" applyFont="1" applyBorder="1" applyAlignment="1">
      <alignment horizontal="center" vertical="center" textRotation="255"/>
    </xf>
    <xf numFmtId="0" fontId="3" fillId="0" borderId="71" xfId="0" applyFont="1" applyBorder="1" applyAlignment="1">
      <alignment horizontal="center" vertical="center" textRotation="255"/>
    </xf>
    <xf numFmtId="0" fontId="35" fillId="4" borderId="60" xfId="0" applyFont="1" applyFill="1" applyBorder="1" applyAlignment="1">
      <alignment horizontal="left" vertical="center" shrinkToFit="1"/>
    </xf>
    <xf numFmtId="0" fontId="35" fillId="4" borderId="5" xfId="0" applyFont="1" applyFill="1" applyBorder="1" applyAlignment="1">
      <alignment horizontal="left" vertical="center" shrinkToFit="1"/>
    </xf>
    <xf numFmtId="0" fontId="14" fillId="0" borderId="22" xfId="0" applyFont="1" applyBorder="1" applyAlignment="1">
      <alignment vertical="center" shrinkToFit="1"/>
    </xf>
    <xf numFmtId="0" fontId="6" fillId="0" borderId="24" xfId="0" applyFont="1" applyBorder="1" applyAlignment="1">
      <alignment horizontal="center" vertical="center"/>
    </xf>
    <xf numFmtId="0" fontId="36" fillId="0" borderId="18" xfId="0" applyFont="1" applyBorder="1" applyAlignment="1">
      <alignment horizontal="center" vertical="center"/>
    </xf>
    <xf numFmtId="0" fontId="36" fillId="0" borderId="73" xfId="0" applyFont="1" applyBorder="1" applyAlignment="1">
      <alignment horizontal="center" vertical="center"/>
    </xf>
    <xf numFmtId="0" fontId="36" fillId="0" borderId="4" xfId="0" applyFont="1" applyBorder="1" applyAlignment="1">
      <alignment horizontal="center" vertical="center"/>
    </xf>
    <xf numFmtId="0" fontId="36" fillId="0" borderId="5" xfId="0" applyFont="1" applyBorder="1" applyAlignment="1">
      <alignment horizontal="center" vertical="center"/>
    </xf>
    <xf numFmtId="0" fontId="36" fillId="0" borderId="58" xfId="0" applyFont="1" applyBorder="1" applyAlignment="1">
      <alignment horizontal="center" vertical="center"/>
    </xf>
    <xf numFmtId="0" fontId="37" fillId="0" borderId="7" xfId="0" applyFont="1" applyBorder="1" applyAlignment="1">
      <alignment horizontal="center" vertical="center"/>
    </xf>
    <xf numFmtId="0" fontId="37" fillId="0" borderId="8" xfId="0" applyFont="1" applyBorder="1" applyAlignment="1">
      <alignment horizontal="center" vertical="center"/>
    </xf>
    <xf numFmtId="0" fontId="37" fillId="0" borderId="53" xfId="0" applyFont="1" applyBorder="1" applyAlignment="1">
      <alignment horizontal="center" vertical="center"/>
    </xf>
    <xf numFmtId="0" fontId="39" fillId="0" borderId="7" xfId="0" applyFont="1" applyBorder="1" applyAlignment="1">
      <alignment horizontal="center" vertical="center"/>
    </xf>
    <xf numFmtId="0" fontId="0" fillId="0" borderId="73" xfId="0" applyBorder="1" applyAlignment="1">
      <alignment horizontal="center" vertical="center"/>
    </xf>
    <xf numFmtId="0" fontId="0" fillId="0" borderId="12" xfId="0" applyBorder="1" applyAlignment="1">
      <alignment horizontal="center" vertical="center"/>
    </xf>
    <xf numFmtId="0" fontId="0" fillId="0" borderId="0" xfId="0" applyBorder="1" applyAlignment="1">
      <alignment horizontal="center" vertical="center"/>
    </xf>
    <xf numFmtId="0" fontId="0" fillId="0" borderId="57" xfId="0" applyBorder="1" applyAlignment="1">
      <alignment horizontal="center" vertical="center"/>
    </xf>
    <xf numFmtId="0" fontId="32" fillId="0" borderId="18" xfId="0" applyFont="1" applyBorder="1" applyAlignment="1">
      <alignment horizontal="center" vertical="center" shrinkToFit="1"/>
    </xf>
    <xf numFmtId="0" fontId="15" fillId="0" borderId="18" xfId="0" applyFont="1" applyBorder="1" applyAlignment="1">
      <alignment vertical="center" shrinkToFit="1"/>
    </xf>
    <xf numFmtId="0" fontId="15" fillId="0" borderId="19" xfId="0" applyFont="1" applyBorder="1" applyAlignment="1">
      <alignment vertical="center" shrinkToFit="1"/>
    </xf>
    <xf numFmtId="0" fontId="15" fillId="0" borderId="5" xfId="0" applyFont="1" applyBorder="1" applyAlignment="1">
      <alignment vertical="center" shrinkToFit="1"/>
    </xf>
    <xf numFmtId="0" fontId="15" fillId="0" borderId="6" xfId="0" applyFont="1" applyBorder="1" applyAlignment="1">
      <alignment vertical="center" shrinkToFit="1"/>
    </xf>
    <xf numFmtId="0" fontId="3" fillId="0" borderId="67" xfId="0" applyFont="1" applyBorder="1" applyAlignment="1">
      <alignment vertical="center" textRotation="255"/>
    </xf>
    <xf numFmtId="0" fontId="3" fillId="0" borderId="69" xfId="0" applyFont="1" applyBorder="1" applyAlignment="1">
      <alignment vertical="center" textRotation="255"/>
    </xf>
    <xf numFmtId="0" fontId="3" fillId="0" borderId="71" xfId="0" applyFont="1" applyBorder="1" applyAlignment="1">
      <alignment vertical="center" textRotation="255"/>
    </xf>
    <xf numFmtId="0" fontId="3" fillId="0" borderId="1" xfId="0" applyFont="1" applyBorder="1" applyAlignment="1">
      <alignment horizontal="center" vertical="center"/>
    </xf>
    <xf numFmtId="0" fontId="3" fillId="0" borderId="2" xfId="0" applyFont="1" applyBorder="1" applyAlignment="1">
      <alignment horizontal="center" vertical="center"/>
    </xf>
    <xf numFmtId="0" fontId="3" fillId="0" borderId="74" xfId="0" applyFont="1" applyBorder="1" applyAlignment="1">
      <alignment horizontal="center" vertical="center"/>
    </xf>
    <xf numFmtId="0" fontId="31" fillId="0" borderId="2" xfId="0" applyFont="1" applyBorder="1" applyAlignment="1">
      <alignment vertical="center" shrinkToFit="1"/>
    </xf>
    <xf numFmtId="0" fontId="31" fillId="0" borderId="5" xfId="0" applyFont="1" applyBorder="1" applyAlignment="1">
      <alignment vertical="center" shrinkToFit="1"/>
    </xf>
    <xf numFmtId="0" fontId="3" fillId="0" borderId="21" xfId="0" applyFont="1" applyBorder="1" applyAlignment="1">
      <alignment horizontal="center" vertical="center"/>
    </xf>
    <xf numFmtId="0" fontId="0" fillId="0" borderId="74" xfId="0" applyBorder="1" applyAlignment="1">
      <alignment horizontal="center" vertical="center"/>
    </xf>
    <xf numFmtId="0" fontId="3" fillId="0" borderId="75" xfId="0" applyFont="1" applyBorder="1" applyAlignment="1">
      <alignment horizontal="center" vertical="center" textRotation="255"/>
    </xf>
    <xf numFmtId="0" fontId="0" fillId="0" borderId="71" xfId="0" applyBorder="1" applyAlignment="1">
      <alignment horizontal="center" vertical="center" textRotation="255"/>
    </xf>
    <xf numFmtId="0" fontId="15" fillId="0" borderId="2" xfId="0" applyFont="1" applyBorder="1" applyAlignment="1">
      <alignment vertical="center" shrinkToFit="1"/>
    </xf>
    <xf numFmtId="0" fontId="15" fillId="0" borderId="3" xfId="0" applyFont="1" applyBorder="1" applyAlignment="1">
      <alignment vertical="center" shrinkToFit="1"/>
    </xf>
    <xf numFmtId="0" fontId="0" fillId="0" borderId="5" xfId="0" applyBorder="1" applyAlignment="1">
      <alignment horizontal="center" vertical="center"/>
    </xf>
    <xf numFmtId="0" fontId="0" fillId="0" borderId="58" xfId="0" applyBorder="1" applyAlignment="1">
      <alignment horizontal="center" vertical="center"/>
    </xf>
    <xf numFmtId="0" fontId="23" fillId="0" borderId="2" xfId="0" applyFont="1" applyBorder="1" applyAlignment="1">
      <alignment horizontal="center" vertical="center" shrinkToFit="1"/>
    </xf>
    <xf numFmtId="0" fontId="4" fillId="0" borderId="0" xfId="0" applyFont="1" applyBorder="1" applyAlignment="1">
      <alignment horizontal="center" vertical="center"/>
    </xf>
    <xf numFmtId="0" fontId="48" fillId="0" borderId="81" xfId="0" applyFont="1" applyBorder="1" applyAlignment="1">
      <alignment horizontal="left" vertical="center" shrinkToFit="1"/>
    </xf>
    <xf numFmtId="0" fontId="48" fillId="0" borderId="0" xfId="0" applyFont="1" applyBorder="1" applyAlignment="1">
      <alignment horizontal="left" vertical="center" shrinkToFit="1"/>
    </xf>
    <xf numFmtId="0" fontId="48" fillId="0" borderId="25" xfId="0" applyFont="1" applyBorder="1" applyAlignment="1">
      <alignment horizontal="left" vertical="center" shrinkToFit="1"/>
    </xf>
    <xf numFmtId="0" fontId="48" fillId="0" borderId="60" xfId="0" applyFont="1" applyBorder="1" applyAlignment="1">
      <alignment horizontal="left" vertical="center" shrinkToFit="1"/>
    </xf>
    <xf numFmtId="0" fontId="48" fillId="0" borderId="5" xfId="0" applyFont="1" applyBorder="1" applyAlignment="1">
      <alignment horizontal="left" vertical="center" shrinkToFit="1"/>
    </xf>
    <xf numFmtId="0" fontId="48" fillId="0" borderId="22" xfId="0" applyFont="1" applyBorder="1" applyAlignment="1">
      <alignment horizontal="left" vertical="center" shrinkToFit="1"/>
    </xf>
    <xf numFmtId="0" fontId="46" fillId="0" borderId="12" xfId="0" applyFont="1" applyBorder="1" applyAlignment="1">
      <alignment vertical="top" wrapText="1"/>
    </xf>
    <xf numFmtId="0" fontId="46" fillId="0" borderId="0" xfId="0" applyFont="1" applyBorder="1" applyAlignment="1">
      <alignment vertical="top" wrapText="1"/>
    </xf>
    <xf numFmtId="0" fontId="46" fillId="0" borderId="13" xfId="0" applyFont="1" applyBorder="1" applyAlignment="1">
      <alignment vertical="top" wrapText="1"/>
    </xf>
    <xf numFmtId="0" fontId="46" fillId="0" borderId="14" xfId="0" applyFont="1" applyBorder="1" applyAlignment="1">
      <alignment vertical="top" wrapText="1"/>
    </xf>
    <xf numFmtId="0" fontId="46" fillId="0" borderId="15" xfId="0" applyFont="1" applyBorder="1" applyAlignment="1">
      <alignment vertical="top" wrapText="1"/>
    </xf>
    <xf numFmtId="0" fontId="46" fillId="0" borderId="16" xfId="0" applyFont="1" applyBorder="1" applyAlignment="1">
      <alignment vertical="top" wrapText="1"/>
    </xf>
    <xf numFmtId="0" fontId="48" fillId="0" borderId="18" xfId="0" applyFont="1" applyBorder="1" applyAlignment="1">
      <alignment horizontal="left" vertical="center"/>
    </xf>
    <xf numFmtId="0" fontId="48" fillId="0" borderId="93" xfId="0" applyFont="1" applyBorder="1" applyAlignment="1">
      <alignment horizontal="left" vertical="center"/>
    </xf>
    <xf numFmtId="0" fontId="48" fillId="0" borderId="0" xfId="0" applyFont="1" applyBorder="1" applyAlignment="1">
      <alignment vertical="center" shrinkToFit="1"/>
    </xf>
    <xf numFmtId="0" fontId="48" fillId="0" borderId="25" xfId="0" applyFont="1" applyBorder="1" applyAlignment="1">
      <alignment vertical="center" shrinkToFit="1"/>
    </xf>
    <xf numFmtId="0" fontId="13" fillId="4" borderId="108" xfId="0" applyFont="1" applyFill="1" applyBorder="1" applyAlignment="1">
      <alignment horizontal="center" vertical="center" shrinkToFit="1"/>
    </xf>
    <xf numFmtId="0" fontId="46" fillId="4" borderId="33" xfId="0" applyFont="1" applyFill="1" applyBorder="1" applyAlignment="1">
      <alignment horizontal="left" vertical="center" wrapText="1"/>
    </xf>
    <xf numFmtId="0" fontId="46" fillId="4" borderId="8" xfId="0" applyFont="1" applyFill="1" applyBorder="1" applyAlignment="1">
      <alignment horizontal="left" vertical="center" wrapText="1"/>
    </xf>
    <xf numFmtId="0" fontId="3" fillId="0" borderId="24" xfId="0" applyFont="1" applyBorder="1" applyAlignment="1">
      <alignment vertical="center"/>
    </xf>
    <xf numFmtId="0" fontId="3" fillId="0" borderId="18" xfId="0" applyFont="1" applyBorder="1" applyAlignment="1">
      <alignment vertical="center"/>
    </xf>
    <xf numFmtId="0" fontId="13" fillId="4" borderId="104" xfId="0" applyFont="1" applyFill="1" applyBorder="1" applyAlignment="1">
      <alignment horizontal="center" vertical="center" shrinkToFit="1"/>
    </xf>
    <xf numFmtId="0" fontId="13" fillId="4" borderId="105" xfId="0" applyFont="1" applyFill="1" applyBorder="1" applyAlignment="1">
      <alignment horizontal="center" vertical="center" shrinkToFit="1"/>
    </xf>
    <xf numFmtId="0" fontId="13" fillId="4" borderId="106" xfId="0" applyFont="1" applyFill="1" applyBorder="1" applyAlignment="1">
      <alignment horizontal="center" vertical="center" shrinkToFit="1"/>
    </xf>
    <xf numFmtId="0" fontId="13" fillId="4" borderId="107" xfId="0" applyFont="1" applyFill="1" applyBorder="1" applyAlignment="1">
      <alignment horizontal="center" vertical="center" shrinkToFit="1"/>
    </xf>
    <xf numFmtId="0" fontId="46" fillId="4" borderId="8" xfId="0" applyFont="1" applyFill="1" applyBorder="1" applyAlignment="1">
      <alignment horizontal="left" vertical="center" shrinkToFit="1"/>
    </xf>
    <xf numFmtId="0" fontId="48" fillId="0" borderId="8" xfId="0" applyFont="1" applyFill="1" applyBorder="1" applyAlignment="1">
      <alignment vertical="center" shrinkToFit="1"/>
    </xf>
    <xf numFmtId="0" fontId="48" fillId="0" borderId="8" xfId="0" applyFont="1" applyBorder="1" applyAlignment="1">
      <alignment vertical="center" shrinkToFit="1"/>
    </xf>
    <xf numFmtId="0" fontId="46" fillId="4" borderId="31" xfId="0" applyFont="1" applyFill="1" applyBorder="1" applyAlignment="1">
      <alignment horizontal="center" vertical="center" shrinkToFit="1"/>
    </xf>
    <xf numFmtId="0" fontId="3" fillId="0" borderId="35" xfId="0" applyFont="1" applyFill="1" applyBorder="1" applyAlignment="1">
      <alignment vertical="center" wrapText="1"/>
    </xf>
    <xf numFmtId="0" fontId="3" fillId="0" borderId="36" xfId="0" applyFont="1" applyFill="1" applyBorder="1" applyAlignment="1">
      <alignment vertical="center" wrapText="1"/>
    </xf>
    <xf numFmtId="0" fontId="3" fillId="0" borderId="37" xfId="0" applyFont="1" applyFill="1" applyBorder="1" applyAlignment="1">
      <alignment vertical="center" wrapText="1"/>
    </xf>
    <xf numFmtId="0" fontId="3" fillId="0" borderId="38" xfId="0" applyFont="1" applyFill="1" applyBorder="1" applyAlignment="1">
      <alignment vertical="center" wrapText="1"/>
    </xf>
    <xf numFmtId="0" fontId="3" fillId="0" borderId="39" xfId="0" applyFont="1" applyFill="1" applyBorder="1" applyAlignment="1">
      <alignment vertical="center" wrapText="1"/>
    </xf>
    <xf numFmtId="0" fontId="3" fillId="0" borderId="40" xfId="0" applyFont="1" applyFill="1" applyBorder="1" applyAlignment="1">
      <alignment vertical="center" wrapText="1"/>
    </xf>
    <xf numFmtId="0" fontId="46" fillId="0" borderId="18" xfId="0" applyFont="1" applyFill="1" applyBorder="1" applyAlignment="1">
      <alignment horizontal="left" vertical="top" wrapText="1"/>
    </xf>
    <xf numFmtId="0" fontId="46" fillId="0" borderId="0" xfId="0" applyFont="1" applyFill="1" applyBorder="1" applyAlignment="1">
      <alignment horizontal="left" vertical="top" wrapText="1"/>
    </xf>
    <xf numFmtId="0" fontId="46" fillId="0" borderId="25" xfId="0" applyFont="1" applyFill="1" applyBorder="1" applyAlignment="1">
      <alignment horizontal="left" vertical="top" wrapText="1"/>
    </xf>
    <xf numFmtId="0" fontId="3" fillId="0" borderId="76" xfId="0" applyFont="1" applyFill="1" applyBorder="1" applyAlignment="1">
      <alignment vertical="center" wrapText="1"/>
    </xf>
    <xf numFmtId="0" fontId="3" fillId="0" borderId="77" xfId="0" applyFont="1" applyFill="1" applyBorder="1" applyAlignment="1">
      <alignment vertical="center" wrapText="1"/>
    </xf>
    <xf numFmtId="0" fontId="3" fillId="0" borderId="78" xfId="0" applyFont="1" applyFill="1" applyBorder="1" applyAlignment="1">
      <alignment vertical="center" wrapText="1"/>
    </xf>
    <xf numFmtId="0" fontId="46" fillId="0" borderId="13" xfId="0" applyFont="1" applyFill="1" applyBorder="1" applyAlignment="1">
      <alignment horizontal="left" vertical="top" wrapText="1"/>
    </xf>
    <xf numFmtId="0" fontId="46" fillId="0" borderId="5" xfId="0" applyFont="1" applyFill="1" applyBorder="1" applyAlignment="1">
      <alignment horizontal="left" vertical="top" wrapText="1"/>
    </xf>
    <xf numFmtId="0" fontId="46" fillId="0" borderId="6" xfId="0" applyFont="1" applyFill="1" applyBorder="1" applyAlignment="1">
      <alignment horizontal="left" vertical="top" wrapText="1"/>
    </xf>
    <xf numFmtId="0" fontId="46" fillId="4" borderId="27" xfId="0" applyFont="1" applyFill="1" applyBorder="1" applyAlignment="1">
      <alignment horizontal="center" vertical="center" shrinkToFit="1"/>
    </xf>
    <xf numFmtId="0" fontId="48" fillId="0" borderId="27" xfId="0" applyFont="1" applyFill="1" applyBorder="1" applyAlignment="1">
      <alignment vertical="center" shrinkToFit="1"/>
    </xf>
    <xf numFmtId="0" fontId="48" fillId="0" borderId="27" xfId="0" applyFont="1" applyBorder="1" applyAlignment="1">
      <alignment vertical="center" shrinkToFit="1"/>
    </xf>
    <xf numFmtId="0" fontId="46" fillId="4" borderId="5" xfId="0" applyFont="1" applyFill="1" applyBorder="1" applyAlignment="1">
      <alignment horizontal="left" vertical="center" shrinkToFit="1"/>
    </xf>
    <xf numFmtId="0" fontId="46" fillId="4" borderId="18" xfId="0" applyFont="1" applyFill="1" applyBorder="1" applyAlignment="1">
      <alignment horizontal="left" vertical="center" shrinkToFit="1"/>
    </xf>
    <xf numFmtId="0" fontId="48" fillId="0" borderId="29" xfId="0" applyFont="1" applyBorder="1" applyAlignment="1">
      <alignment horizontal="center" vertical="center" shrinkToFit="1"/>
    </xf>
    <xf numFmtId="0" fontId="46" fillId="4" borderId="29" xfId="0" applyFont="1" applyFill="1" applyBorder="1" applyAlignment="1">
      <alignment horizontal="left" vertical="center" shrinkToFit="1"/>
    </xf>
    <xf numFmtId="0" fontId="48" fillId="0" borderId="18" xfId="0" applyFont="1" applyBorder="1" applyAlignment="1">
      <alignment vertical="center" shrinkToFit="1"/>
    </xf>
    <xf numFmtId="0" fontId="50" fillId="0" borderId="18" xfId="0" applyFont="1" applyBorder="1" applyAlignment="1">
      <alignment vertical="center" shrinkToFit="1"/>
    </xf>
    <xf numFmtId="0" fontId="46" fillId="4" borderId="60" xfId="0" applyFont="1" applyFill="1" applyBorder="1" applyAlignment="1">
      <alignment horizontal="left" vertical="center" shrinkToFit="1"/>
    </xf>
    <xf numFmtId="0" fontId="46" fillId="4" borderId="6" xfId="0" applyFont="1" applyFill="1" applyBorder="1" applyAlignment="1">
      <alignment horizontal="left" vertical="center" shrinkToFit="1"/>
    </xf>
    <xf numFmtId="0" fontId="46" fillId="4" borderId="43" xfId="0" applyFont="1" applyFill="1" applyBorder="1" applyAlignment="1">
      <alignment horizontal="center" vertical="center" shrinkToFit="1"/>
    </xf>
    <xf numFmtId="0" fontId="46" fillId="4" borderId="29" xfId="0" applyFont="1" applyFill="1" applyBorder="1" applyAlignment="1">
      <alignment horizontal="center" vertical="center" shrinkToFit="1"/>
    </xf>
    <xf numFmtId="0" fontId="46" fillId="4" borderId="33" xfId="0" applyFont="1" applyFill="1" applyBorder="1" applyAlignment="1">
      <alignment horizontal="left" vertical="center" shrinkToFit="1"/>
    </xf>
    <xf numFmtId="0" fontId="46" fillId="4" borderId="5" xfId="0" applyFont="1" applyFill="1" applyBorder="1" applyAlignment="1">
      <alignment horizontal="left" vertical="center"/>
    </xf>
    <xf numFmtId="0" fontId="46" fillId="4" borderId="22" xfId="0" applyFont="1" applyFill="1" applyBorder="1" applyAlignment="1">
      <alignment horizontal="left" vertical="center" shrinkToFit="1"/>
    </xf>
    <xf numFmtId="0" fontId="46" fillId="4" borderId="43" xfId="0" applyFont="1" applyFill="1" applyBorder="1" applyAlignment="1">
      <alignment horizontal="left" vertical="center" shrinkToFit="1"/>
    </xf>
    <xf numFmtId="0" fontId="46" fillId="4" borderId="30" xfId="0" applyFont="1" applyFill="1" applyBorder="1" applyAlignment="1">
      <alignment horizontal="left" vertical="center" shrinkToFit="1"/>
    </xf>
    <xf numFmtId="0" fontId="46" fillId="4" borderId="80" xfId="0" applyFont="1" applyFill="1" applyBorder="1" applyAlignment="1">
      <alignment horizontal="left" vertical="center" shrinkToFit="1"/>
    </xf>
    <xf numFmtId="0" fontId="46" fillId="4" borderId="19" xfId="0" applyFont="1" applyFill="1" applyBorder="1" applyAlignment="1">
      <alignment horizontal="left" vertical="center" shrinkToFit="1"/>
    </xf>
    <xf numFmtId="0" fontId="46" fillId="4" borderId="8" xfId="0" applyFont="1" applyFill="1" applyBorder="1" applyAlignment="1">
      <alignment horizontal="center" vertical="center" shrinkToFit="1"/>
    </xf>
    <xf numFmtId="0" fontId="46" fillId="4" borderId="18" xfId="0" applyFont="1" applyFill="1" applyBorder="1" applyAlignment="1">
      <alignment horizontal="center" vertical="center" shrinkToFit="1"/>
    </xf>
    <xf numFmtId="0" fontId="48" fillId="0" borderId="5" xfId="0" applyFont="1" applyBorder="1" applyAlignment="1">
      <alignment vertical="center" shrinkToFit="1"/>
    </xf>
    <xf numFmtId="0" fontId="48" fillId="0" borderId="22" xfId="0" applyFont="1" applyBorder="1" applyAlignment="1">
      <alignment vertical="center" shrinkToFit="1"/>
    </xf>
    <xf numFmtId="0" fontId="48" fillId="0" borderId="80" xfId="0" applyFont="1" applyBorder="1" applyAlignment="1">
      <alignment horizontal="left" vertical="center" shrinkToFit="1"/>
    </xf>
    <xf numFmtId="0" fontId="48" fillId="0" borderId="18" xfId="0" applyFont="1" applyBorder="1" applyAlignment="1">
      <alignment horizontal="left" vertical="center" shrinkToFit="1"/>
    </xf>
    <xf numFmtId="0" fontId="48" fillId="0" borderId="93" xfId="0" applyFont="1" applyBorder="1" applyAlignment="1">
      <alignment horizontal="left" vertical="center" shrinkToFit="1"/>
    </xf>
    <xf numFmtId="0" fontId="0" fillId="0" borderId="4" xfId="0" applyBorder="1" applyAlignment="1">
      <alignment horizontal="center" vertical="center"/>
    </xf>
    <xf numFmtId="0" fontId="48" fillId="0" borderId="18" xfId="0" applyFont="1" applyBorder="1" applyAlignment="1">
      <alignment horizontal="center" vertical="center" shrinkToFit="1"/>
    </xf>
    <xf numFmtId="0" fontId="44" fillId="0" borderId="18" xfId="0" applyFont="1" applyBorder="1" applyAlignment="1">
      <alignment vertical="center" shrinkToFit="1"/>
    </xf>
    <xf numFmtId="0" fontId="44" fillId="0" borderId="19" xfId="0" applyFont="1" applyBorder="1" applyAlignment="1">
      <alignment vertical="center" shrinkToFit="1"/>
    </xf>
    <xf numFmtId="0" fontId="44" fillId="0" borderId="5" xfId="0" applyFont="1" applyBorder="1" applyAlignment="1">
      <alignment vertical="center" shrinkToFit="1"/>
    </xf>
    <xf numFmtId="0" fontId="44" fillId="0" borderId="6" xfId="0" applyFont="1" applyBorder="1" applyAlignment="1">
      <alignment vertical="center" shrinkToFit="1"/>
    </xf>
    <xf numFmtId="0" fontId="44" fillId="0" borderId="15" xfId="0" applyFont="1" applyBorder="1" applyAlignment="1">
      <alignment horizontal="center" vertical="center" shrinkToFit="1"/>
    </xf>
    <xf numFmtId="0" fontId="45" fillId="0" borderId="2" xfId="0" applyFont="1" applyBorder="1" applyAlignment="1">
      <alignment vertical="center" shrinkToFit="1"/>
    </xf>
    <xf numFmtId="0" fontId="45" fillId="0" borderId="5" xfId="0" applyFont="1" applyBorder="1" applyAlignment="1">
      <alignment vertical="center" shrinkToFit="1"/>
    </xf>
    <xf numFmtId="0" fontId="44" fillId="0" borderId="2" xfId="0" applyFont="1" applyBorder="1" applyAlignment="1">
      <alignment vertical="center" shrinkToFit="1"/>
    </xf>
    <xf numFmtId="0" fontId="44" fillId="0" borderId="3" xfId="0" applyFont="1" applyBorder="1" applyAlignment="1">
      <alignment vertical="center" shrinkToFit="1"/>
    </xf>
    <xf numFmtId="0" fontId="44" fillId="0" borderId="38" xfId="0" applyFont="1" applyBorder="1" applyAlignment="1">
      <alignment horizontal="left" vertical="center" shrinkToFit="1"/>
    </xf>
    <xf numFmtId="0" fontId="44" fillId="0" borderId="82" xfId="0" applyFont="1" applyBorder="1" applyAlignment="1">
      <alignment horizontal="left" vertical="center" shrinkToFit="1"/>
    </xf>
    <xf numFmtId="0" fontId="44" fillId="0" borderId="87" xfId="0" applyFont="1" applyBorder="1" applyAlignment="1">
      <alignment horizontal="left" vertical="center" shrinkToFit="1"/>
    </xf>
    <xf numFmtId="0" fontId="44" fillId="0" borderId="88" xfId="0" applyFont="1" applyBorder="1" applyAlignment="1">
      <alignment horizontal="left" vertical="center" shrinkToFit="1"/>
    </xf>
    <xf numFmtId="0" fontId="44" fillId="0" borderId="2" xfId="0" applyFont="1" applyBorder="1" applyAlignment="1">
      <alignment horizontal="center" vertical="center" shrinkToFit="1"/>
    </xf>
    <xf numFmtId="0" fontId="44" fillId="0" borderId="46" xfId="0" applyFont="1" applyBorder="1" applyAlignment="1">
      <alignment horizontal="center" vertical="center" shrinkToFit="1"/>
    </xf>
    <xf numFmtId="0" fontId="44" fillId="0" borderId="84" xfId="0" applyFont="1" applyBorder="1" applyAlignment="1">
      <alignment horizontal="left" vertical="center" shrinkToFit="1"/>
    </xf>
    <xf numFmtId="0" fontId="44" fillId="0" borderId="85" xfId="0" applyFont="1" applyBorder="1" applyAlignment="1">
      <alignment horizontal="left" vertical="center" shrinkToFit="1"/>
    </xf>
    <xf numFmtId="0" fontId="44" fillId="0" borderId="29" xfId="0" applyFont="1" applyBorder="1" applyAlignment="1">
      <alignment horizontal="center" vertical="center" shrinkToFit="1"/>
    </xf>
    <xf numFmtId="0" fontId="14" fillId="0" borderId="80" xfId="0" applyFont="1" applyBorder="1" applyAlignment="1">
      <alignment horizontal="center" vertical="center" shrinkToFit="1"/>
    </xf>
    <xf numFmtId="0" fontId="14" fillId="0" borderId="81" xfId="0" applyFont="1" applyBorder="1" applyAlignment="1">
      <alignment horizontal="center" vertical="center" shrinkToFit="1"/>
    </xf>
    <xf numFmtId="0" fontId="14" fillId="0" borderId="60" xfId="0" applyFont="1" applyBorder="1" applyAlignment="1">
      <alignment horizontal="center" vertical="center" shrinkToFi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30</xdr:col>
      <xdr:colOff>209398</xdr:colOff>
      <xdr:row>13</xdr:row>
      <xdr:rowOff>2421</xdr:rowOff>
    </xdr:from>
    <xdr:to>
      <xdr:col>31</xdr:col>
      <xdr:colOff>152551</xdr:colOff>
      <xdr:row>13</xdr:row>
      <xdr:rowOff>158751</xdr:rowOff>
    </xdr:to>
    <xdr:sp macro="" textlink="">
      <xdr:nvSpPr>
        <xdr:cNvPr id="2" name="フローチャート: 結合子 1"/>
        <xdr:cNvSpPr/>
      </xdr:nvSpPr>
      <xdr:spPr>
        <a:xfrm flipH="1">
          <a:off x="6781648" y="2593221"/>
          <a:ext cx="162228" cy="156330"/>
        </a:xfrm>
        <a:prstGeom prst="flowChartConnector">
          <a:avLst/>
        </a:prstGeom>
        <a:noFill/>
        <a:ln w="12700">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0</xdr:col>
      <xdr:colOff>12700</xdr:colOff>
      <xdr:row>17</xdr:row>
      <xdr:rowOff>6350</xdr:rowOff>
    </xdr:from>
    <xdr:to>
      <xdr:col>6</xdr:col>
      <xdr:colOff>114300</xdr:colOff>
      <xdr:row>18</xdr:row>
      <xdr:rowOff>12700</xdr:rowOff>
    </xdr:to>
    <xdr:sp macro="" textlink="">
      <xdr:nvSpPr>
        <xdr:cNvPr id="12" name="正方形/長方形 11"/>
        <xdr:cNvSpPr/>
      </xdr:nvSpPr>
      <xdr:spPr>
        <a:xfrm>
          <a:off x="12700" y="3187700"/>
          <a:ext cx="1270000" cy="222250"/>
        </a:xfrm>
        <a:prstGeom prst="rect">
          <a:avLst/>
        </a:prstGeom>
        <a:solidFill>
          <a:schemeClr val="accent1">
            <a:lumMod val="40000"/>
            <a:lumOff val="60000"/>
          </a:schemeClr>
        </a:solidFill>
        <a:ln w="6350">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900" b="0">
              <a:latin typeface="+mn-ea"/>
              <a:ea typeface="+mn-ea"/>
            </a:rPr>
            <a:t>既往歴・</a:t>
          </a:r>
          <a:r>
            <a:rPr kumimoji="1" lang="ja-JP" altLang="en-US" sz="900" b="0" u="none">
              <a:latin typeface="+mn-ea"/>
              <a:ea typeface="+mn-ea"/>
            </a:rPr>
            <a:t>現病歴・経過</a:t>
          </a:r>
        </a:p>
      </xdr:txBody>
    </xdr:sp>
    <xdr:clientData/>
  </xdr:twoCellAnchor>
  <xdr:twoCellAnchor>
    <xdr:from>
      <xdr:col>29</xdr:col>
      <xdr:colOff>57150</xdr:colOff>
      <xdr:row>0</xdr:row>
      <xdr:rowOff>0</xdr:rowOff>
    </xdr:from>
    <xdr:to>
      <xdr:col>36</xdr:col>
      <xdr:colOff>3175</xdr:colOff>
      <xdr:row>2</xdr:row>
      <xdr:rowOff>0</xdr:rowOff>
    </xdr:to>
    <xdr:sp macro="" textlink="">
      <xdr:nvSpPr>
        <xdr:cNvPr id="5" name="テキスト ボックス 4">
          <a:extLst>
            <a:ext uri="{FF2B5EF4-FFF2-40B4-BE49-F238E27FC236}">
              <a16:creationId xmlns="" xmlns:a16="http://schemas.microsoft.com/office/drawing/2014/main" id="{00000000-0008-0000-0100-00001C000000}"/>
            </a:ext>
          </a:extLst>
        </xdr:cNvPr>
        <xdr:cNvSpPr txBox="1"/>
      </xdr:nvSpPr>
      <xdr:spPr>
        <a:xfrm>
          <a:off x="5899150" y="0"/>
          <a:ext cx="1260475" cy="222250"/>
        </a:xfrm>
        <a:prstGeom prst="rect">
          <a:avLst/>
        </a:prstGeom>
        <a:solidFill>
          <a:schemeClr val="tx1"/>
        </a:solidFill>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600" b="1">
              <a:solidFill>
                <a:schemeClr val="bg1"/>
              </a:solidFill>
              <a:latin typeface="HG教科書体" panose="02020609000000000000" pitchFamily="17" charset="-128"/>
              <a:ea typeface="HG教科書体" panose="02020609000000000000" pitchFamily="17" charset="-128"/>
            </a:rPr>
            <a:t>手書き用</a:t>
          </a:r>
          <a:endParaRPr kumimoji="1" lang="en-US" altLang="ja-JP" sz="1600" b="1">
            <a:solidFill>
              <a:schemeClr val="bg1"/>
            </a:solidFill>
            <a:latin typeface="HG教科書体" panose="02020609000000000000" pitchFamily="17" charset="-128"/>
            <a:ea typeface="HG教科書体" panose="02020609000000000000" pitchFamily="17"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9</xdr:col>
      <xdr:colOff>146050</xdr:colOff>
      <xdr:row>0</xdr:row>
      <xdr:rowOff>44450</xdr:rowOff>
    </xdr:from>
    <xdr:to>
      <xdr:col>35</xdr:col>
      <xdr:colOff>187325</xdr:colOff>
      <xdr:row>1</xdr:row>
      <xdr:rowOff>63500</xdr:rowOff>
    </xdr:to>
    <xdr:sp macro="" textlink="">
      <xdr:nvSpPr>
        <xdr:cNvPr id="4" name="テキスト ボックス 3">
          <a:extLst>
            <a:ext uri="{FF2B5EF4-FFF2-40B4-BE49-F238E27FC236}">
              <a16:creationId xmlns="" xmlns:a16="http://schemas.microsoft.com/office/drawing/2014/main" id="{00000000-0008-0000-0100-00001C000000}"/>
            </a:ext>
          </a:extLst>
        </xdr:cNvPr>
        <xdr:cNvSpPr txBox="1"/>
      </xdr:nvSpPr>
      <xdr:spPr>
        <a:xfrm>
          <a:off x="6038850" y="44450"/>
          <a:ext cx="1260475" cy="234950"/>
        </a:xfrm>
        <a:prstGeom prst="rect">
          <a:avLst/>
        </a:prstGeom>
        <a:solidFill>
          <a:schemeClr val="tx1"/>
        </a:solidFill>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600" b="1">
              <a:solidFill>
                <a:schemeClr val="bg1"/>
              </a:solidFill>
              <a:latin typeface="HG教科書体" panose="02020609000000000000" pitchFamily="17" charset="-128"/>
              <a:ea typeface="HG教科書体" panose="02020609000000000000" pitchFamily="17" charset="-128"/>
            </a:rPr>
            <a:t>ＰＣ入力用</a:t>
          </a:r>
          <a:endParaRPr kumimoji="1" lang="en-US" altLang="ja-JP" sz="1600" b="1">
            <a:solidFill>
              <a:schemeClr val="bg1"/>
            </a:solidFill>
            <a:latin typeface="HG教科書体" panose="02020609000000000000" pitchFamily="17" charset="-128"/>
            <a:ea typeface="HG教科書体" panose="02020609000000000000" pitchFamily="17" charset="-128"/>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0</xdr:rowOff>
    </xdr:from>
    <xdr:to>
      <xdr:col>5</xdr:col>
      <xdr:colOff>33564</xdr:colOff>
      <xdr:row>1</xdr:row>
      <xdr:rowOff>93436</xdr:rowOff>
    </xdr:to>
    <xdr:sp macro="" textlink="">
      <xdr:nvSpPr>
        <xdr:cNvPr id="3" name="テキスト ボックス 2">
          <a:extLst>
            <a:ext uri="{FF2B5EF4-FFF2-40B4-BE49-F238E27FC236}">
              <a16:creationId xmlns="" xmlns:a16="http://schemas.microsoft.com/office/drawing/2014/main" id="{00000000-0008-0000-0100-00001C000000}"/>
            </a:ext>
          </a:extLst>
        </xdr:cNvPr>
        <xdr:cNvSpPr txBox="1"/>
      </xdr:nvSpPr>
      <xdr:spPr>
        <a:xfrm>
          <a:off x="0" y="0"/>
          <a:ext cx="1054100" cy="311150"/>
        </a:xfrm>
        <a:prstGeom prst="rect">
          <a:avLst/>
        </a:prstGeom>
        <a:solidFill>
          <a:schemeClr val="tx1"/>
        </a:solidFill>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2000" b="1">
              <a:solidFill>
                <a:schemeClr val="bg1"/>
              </a:solidFill>
              <a:latin typeface="HG教科書体" panose="02020609000000000000" pitchFamily="17" charset="-128"/>
              <a:ea typeface="HG教科書体" panose="02020609000000000000" pitchFamily="17" charset="-128"/>
            </a:rPr>
            <a:t>記入例</a:t>
          </a:r>
          <a:endParaRPr kumimoji="1" lang="en-US" altLang="ja-JP" sz="2000" b="1">
            <a:solidFill>
              <a:schemeClr val="bg1"/>
            </a:solidFill>
            <a:latin typeface="HG教科書体" panose="02020609000000000000" pitchFamily="17" charset="-128"/>
            <a:ea typeface="HG教科書体" panose="02020609000000000000" pitchFamily="17"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3.xml"/><Relationship Id="rId1" Type="http://schemas.openxmlformats.org/officeDocument/2006/relationships/printerSettings" Target="../printerSettings/printerSettings3.bin"/><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X65"/>
  <sheetViews>
    <sheetView tabSelected="1" view="pageBreakPreview" zoomScaleNormal="100" zoomScaleSheetLayoutView="100" workbookViewId="0"/>
  </sheetViews>
  <sheetFormatPr defaultColWidth="2.90625" defaultRowHeight="17.25" customHeight="1" x14ac:dyDescent="0.2"/>
  <cols>
    <col min="1" max="1" width="2.90625" style="2"/>
    <col min="2" max="2" width="2.1796875" style="2" customWidth="1"/>
    <col min="3" max="14" width="2.90625" style="2"/>
    <col min="15" max="15" width="2.90625" style="2" customWidth="1"/>
    <col min="16" max="16" width="2.90625" style="2"/>
    <col min="17" max="17" width="2.90625" style="2" customWidth="1"/>
    <col min="18" max="18" width="2.90625" style="2"/>
    <col min="19" max="19" width="2.90625" style="2" customWidth="1"/>
    <col min="20" max="35" width="2.90625" style="2"/>
    <col min="36" max="36" width="1.36328125" style="2" customWidth="1"/>
    <col min="37" max="16384" width="2.90625" style="2"/>
  </cols>
  <sheetData>
    <row r="1" spans="1:44" ht="17.25" customHeight="1" x14ac:dyDescent="0.2">
      <c r="A1" s="161"/>
      <c r="B1" s="162"/>
      <c r="C1" s="162"/>
      <c r="D1" s="162"/>
      <c r="E1" s="162"/>
      <c r="F1" s="160"/>
      <c r="G1" s="160"/>
      <c r="H1" s="160"/>
      <c r="I1" s="160"/>
      <c r="J1" s="161"/>
      <c r="K1" s="160"/>
      <c r="L1" s="160"/>
      <c r="M1" s="160"/>
      <c r="N1" s="293" t="s">
        <v>0</v>
      </c>
      <c r="O1" s="293"/>
      <c r="P1" s="293"/>
      <c r="Q1" s="293"/>
      <c r="R1" s="293"/>
      <c r="S1" s="293"/>
      <c r="T1" s="293"/>
      <c r="U1" s="293"/>
      <c r="V1" s="293"/>
      <c r="W1" s="293"/>
      <c r="X1" s="106"/>
      <c r="Y1" s="106"/>
      <c r="Z1" s="106"/>
      <c r="AA1" s="105"/>
      <c r="AB1" s="105"/>
      <c r="AC1" s="105"/>
      <c r="AD1" s="105"/>
      <c r="AE1" s="105"/>
      <c r="AF1" s="106"/>
      <c r="AG1" s="105"/>
      <c r="AH1" s="105"/>
      <c r="AI1" s="105"/>
      <c r="AJ1" s="105"/>
    </row>
    <row r="2" spans="1:44" ht="0.5" customHeight="1" thickBot="1" x14ac:dyDescent="0.25">
      <c r="A2" s="1"/>
      <c r="F2" s="3"/>
      <c r="G2" s="3"/>
      <c r="H2" s="3"/>
      <c r="I2" s="3"/>
      <c r="J2" s="3"/>
      <c r="K2" s="3"/>
      <c r="L2" s="3"/>
      <c r="M2" s="3"/>
      <c r="N2" s="3"/>
      <c r="O2" s="3"/>
      <c r="P2" s="3"/>
      <c r="Q2" s="3"/>
      <c r="R2" s="3"/>
      <c r="S2" s="3"/>
      <c r="T2" s="3"/>
      <c r="U2" s="3"/>
      <c r="V2" s="3"/>
      <c r="W2" s="3"/>
      <c r="X2" s="3"/>
      <c r="Y2" s="3"/>
      <c r="Z2" s="3"/>
    </row>
    <row r="3" spans="1:44" ht="17.25" customHeight="1" x14ac:dyDescent="0.2">
      <c r="A3" s="305"/>
      <c r="B3" s="305"/>
      <c r="C3" s="305"/>
      <c r="D3" s="305"/>
      <c r="E3" s="305"/>
      <c r="F3" s="305"/>
      <c r="G3" s="305"/>
      <c r="H3" s="305"/>
      <c r="I3" s="305"/>
      <c r="J3" s="305"/>
      <c r="K3" s="306" t="s">
        <v>1</v>
      </c>
      <c r="L3" s="306"/>
      <c r="R3" s="307" t="s">
        <v>2</v>
      </c>
      <c r="S3" s="308"/>
      <c r="T3" s="308"/>
      <c r="U3" s="309"/>
      <c r="V3" s="309"/>
      <c r="W3" s="309"/>
      <c r="X3" s="309"/>
      <c r="Y3" s="309"/>
      <c r="Z3" s="309"/>
      <c r="AA3" s="309"/>
      <c r="AB3" s="309"/>
      <c r="AC3" s="309"/>
      <c r="AD3" s="309"/>
      <c r="AE3" s="309"/>
      <c r="AF3" s="309"/>
      <c r="AG3" s="309"/>
      <c r="AH3" s="309"/>
      <c r="AI3" s="309"/>
      <c r="AJ3" s="310"/>
    </row>
    <row r="4" spans="1:44" ht="17.25" customHeight="1" x14ac:dyDescent="0.2">
      <c r="A4" s="311"/>
      <c r="B4" s="311"/>
      <c r="C4" s="311"/>
      <c r="D4" s="311"/>
      <c r="E4" s="311"/>
      <c r="F4" s="311"/>
      <c r="G4" s="311"/>
      <c r="H4" s="311"/>
      <c r="I4" s="311"/>
      <c r="J4" s="311"/>
      <c r="K4" s="312" t="s">
        <v>5</v>
      </c>
      <c r="L4" s="312"/>
      <c r="R4" s="313" t="s">
        <v>3</v>
      </c>
      <c r="S4" s="314"/>
      <c r="T4" s="314"/>
      <c r="U4" s="315"/>
      <c r="V4" s="315"/>
      <c r="W4" s="315"/>
      <c r="X4" s="315"/>
      <c r="Y4" s="315"/>
      <c r="Z4" s="315"/>
      <c r="AA4" s="314" t="s">
        <v>4</v>
      </c>
      <c r="AB4" s="314"/>
      <c r="AC4" s="314"/>
      <c r="AD4" s="315"/>
      <c r="AE4" s="315"/>
      <c r="AF4" s="315"/>
      <c r="AG4" s="315"/>
      <c r="AH4" s="315"/>
      <c r="AI4" s="315"/>
      <c r="AJ4" s="316"/>
    </row>
    <row r="5" spans="1:44" ht="17.25" customHeight="1" thickBot="1" x14ac:dyDescent="0.25">
      <c r="A5" s="40" t="s">
        <v>71</v>
      </c>
      <c r="B5" s="40"/>
      <c r="C5" s="40"/>
      <c r="D5" s="40"/>
      <c r="E5" s="40"/>
      <c r="F5" s="40"/>
      <c r="G5" s="40"/>
      <c r="H5" s="40"/>
      <c r="I5" s="40"/>
      <c r="J5" s="40"/>
      <c r="K5" s="40"/>
      <c r="L5" s="40"/>
      <c r="M5" s="40"/>
      <c r="R5" s="317" t="s">
        <v>6</v>
      </c>
      <c r="S5" s="318"/>
      <c r="T5" s="318"/>
      <c r="U5" s="319"/>
      <c r="V5" s="319"/>
      <c r="W5" s="319"/>
      <c r="X5" s="319"/>
      <c r="Y5" s="319"/>
      <c r="Z5" s="319"/>
      <c r="AA5" s="318" t="s">
        <v>7</v>
      </c>
      <c r="AB5" s="318"/>
      <c r="AC5" s="318"/>
      <c r="AD5" s="319"/>
      <c r="AE5" s="319"/>
      <c r="AF5" s="319"/>
      <c r="AG5" s="319"/>
      <c r="AH5" s="319"/>
      <c r="AI5" s="319"/>
      <c r="AJ5" s="320"/>
    </row>
    <row r="6" spans="1:44" ht="17.25" customHeight="1" x14ac:dyDescent="0.2">
      <c r="A6" s="2" t="s">
        <v>72</v>
      </c>
      <c r="B6" s="40"/>
      <c r="C6" s="40"/>
      <c r="D6" s="40"/>
      <c r="E6" s="40"/>
      <c r="F6" s="40"/>
      <c r="G6" s="40"/>
      <c r="H6" s="40"/>
      <c r="I6" s="40"/>
      <c r="J6" s="40"/>
      <c r="K6" s="9"/>
      <c r="L6" s="9"/>
      <c r="M6" s="40"/>
      <c r="R6" s="40"/>
      <c r="S6" s="40"/>
      <c r="T6" s="40"/>
      <c r="U6" s="114" t="s">
        <v>152</v>
      </c>
      <c r="V6" s="114"/>
      <c r="W6" s="114"/>
      <c r="X6" s="326" t="s">
        <v>75</v>
      </c>
      <c r="Y6" s="326"/>
      <c r="Z6" s="327"/>
      <c r="AA6" s="327"/>
      <c r="AB6" s="114" t="s">
        <v>9</v>
      </c>
      <c r="AC6" s="327"/>
      <c r="AD6" s="327"/>
      <c r="AE6" s="114" t="s">
        <v>10</v>
      </c>
      <c r="AF6" s="327"/>
      <c r="AG6" s="327"/>
      <c r="AH6" s="114" t="s">
        <v>11</v>
      </c>
      <c r="AI6" s="40"/>
      <c r="AJ6" s="40"/>
    </row>
    <row r="7" spans="1:44" ht="6" customHeight="1" x14ac:dyDescent="0.2">
      <c r="A7" s="40"/>
      <c r="B7" s="40"/>
      <c r="C7" s="40"/>
      <c r="D7" s="40"/>
      <c r="E7" s="40"/>
      <c r="F7" s="40"/>
      <c r="G7" s="40"/>
      <c r="H7" s="40"/>
      <c r="I7" s="40"/>
      <c r="J7" s="40"/>
      <c r="K7" s="40"/>
      <c r="L7" s="40"/>
      <c r="R7" s="40"/>
      <c r="S7" s="40"/>
      <c r="T7" s="40"/>
      <c r="U7" s="40"/>
      <c r="V7" s="40"/>
      <c r="W7" s="40"/>
      <c r="X7" s="40"/>
      <c r="Y7" s="40"/>
      <c r="Z7" s="40"/>
      <c r="AA7" s="40"/>
      <c r="AB7" s="40"/>
      <c r="AC7" s="40"/>
      <c r="AD7" s="40"/>
      <c r="AE7" s="40"/>
      <c r="AF7" s="40"/>
      <c r="AG7" s="40"/>
      <c r="AH7" s="40"/>
      <c r="AI7" s="40"/>
      <c r="AJ7" s="40"/>
    </row>
    <row r="8" spans="1:44" ht="17.25" customHeight="1" thickBot="1" x14ac:dyDescent="0.25">
      <c r="A8" s="2" t="s">
        <v>8</v>
      </c>
      <c r="C8" s="321" t="s">
        <v>75</v>
      </c>
      <c r="D8" s="321"/>
      <c r="E8" s="322"/>
      <c r="F8" s="322"/>
      <c r="G8" s="2" t="s">
        <v>9</v>
      </c>
      <c r="H8" s="322"/>
      <c r="I8" s="322"/>
      <c r="J8" s="2" t="s">
        <v>10</v>
      </c>
      <c r="K8" s="322"/>
      <c r="L8" s="322"/>
      <c r="M8" s="2" t="s">
        <v>11</v>
      </c>
      <c r="U8" s="2" t="s">
        <v>12</v>
      </c>
      <c r="X8" s="321" t="s">
        <v>75</v>
      </c>
      <c r="Y8" s="321"/>
      <c r="Z8" s="322"/>
      <c r="AA8" s="322"/>
      <c r="AB8" s="2" t="s">
        <v>9</v>
      </c>
      <c r="AC8" s="322"/>
      <c r="AD8" s="322"/>
      <c r="AE8" s="2" t="s">
        <v>10</v>
      </c>
      <c r="AF8" s="322"/>
      <c r="AG8" s="322"/>
      <c r="AH8" s="2" t="s">
        <v>11</v>
      </c>
    </row>
    <row r="9" spans="1:44" ht="17.25" customHeight="1" x14ac:dyDescent="0.2">
      <c r="A9" s="352" t="s">
        <v>13</v>
      </c>
      <c r="B9" s="353"/>
      <c r="C9" s="353"/>
      <c r="D9" s="353"/>
      <c r="E9" s="354"/>
      <c r="F9" s="355" ph="1"/>
      <c r="G9" s="355" ph="1"/>
      <c r="H9" s="355" ph="1"/>
      <c r="I9" s="355" ph="1"/>
      <c r="J9" s="355" ph="1"/>
      <c r="K9" s="355" ph="1"/>
      <c r="L9" s="51"/>
      <c r="M9" s="357" t="s">
        <v>14</v>
      </c>
      <c r="N9" s="354"/>
      <c r="O9" s="6" t="s">
        <v>15</v>
      </c>
      <c r="P9" s="6" t="s">
        <v>16</v>
      </c>
      <c r="Q9" s="6" t="s">
        <v>17</v>
      </c>
      <c r="R9" s="110" t="s">
        <v>74</v>
      </c>
      <c r="S9" s="51"/>
      <c r="T9" s="51"/>
      <c r="U9" s="51"/>
      <c r="V9" s="7"/>
      <c r="W9" s="358" t="s">
        <v>18</v>
      </c>
      <c r="X9" s="355"/>
      <c r="Y9" s="355"/>
      <c r="Z9" s="355"/>
      <c r="AA9" s="355"/>
      <c r="AB9" s="355"/>
      <c r="AC9" s="355"/>
      <c r="AD9" s="355"/>
      <c r="AE9" s="355"/>
      <c r="AF9" s="355"/>
      <c r="AG9" s="355"/>
      <c r="AH9" s="355"/>
      <c r="AI9" s="355"/>
      <c r="AJ9" s="359"/>
    </row>
    <row r="10" spans="1:44" ht="17.25" customHeight="1" x14ac:dyDescent="0.2">
      <c r="A10" s="335" t="s">
        <v>19</v>
      </c>
      <c r="B10" s="300"/>
      <c r="C10" s="300"/>
      <c r="D10" s="300"/>
      <c r="E10" s="301"/>
      <c r="F10" s="356" ph="1"/>
      <c r="G10" s="356" ph="1"/>
      <c r="H10" s="356" ph="1"/>
      <c r="I10" s="356" ph="1"/>
      <c r="J10" s="356" ph="1"/>
      <c r="K10" s="356" ph="1"/>
      <c r="L10" s="48" t="s">
        <v>5</v>
      </c>
      <c r="M10" s="361" t="s">
        <v>20</v>
      </c>
      <c r="N10" s="301"/>
      <c r="O10" s="163"/>
      <c r="P10" s="8" t="s">
        <v>9</v>
      </c>
      <c r="Q10" s="163"/>
      <c r="R10" s="8" t="s">
        <v>10</v>
      </c>
      <c r="S10" s="163"/>
      <c r="T10" s="8" t="s">
        <v>11</v>
      </c>
      <c r="U10" s="163"/>
      <c r="V10" s="8" t="s">
        <v>21</v>
      </c>
      <c r="W10" s="325"/>
      <c r="X10" s="356"/>
      <c r="Y10" s="356"/>
      <c r="Z10" s="356"/>
      <c r="AA10" s="356"/>
      <c r="AB10" s="356"/>
      <c r="AC10" s="356"/>
      <c r="AD10" s="356"/>
      <c r="AE10" s="356"/>
      <c r="AF10" s="356"/>
      <c r="AG10" s="356"/>
      <c r="AH10" s="356"/>
      <c r="AI10" s="356"/>
      <c r="AJ10" s="360"/>
      <c r="AO10" s="24"/>
      <c r="AP10" s="24"/>
      <c r="AQ10" s="24"/>
      <c r="AR10" s="24"/>
    </row>
    <row r="11" spans="1:44" ht="17.25" customHeight="1" x14ac:dyDescent="0.2">
      <c r="A11" s="342" t="s">
        <v>22</v>
      </c>
      <c r="B11" s="341"/>
      <c r="C11" s="341"/>
      <c r="D11" s="341"/>
      <c r="E11" s="295"/>
      <c r="F11" s="107" t="s">
        <v>23</v>
      </c>
      <c r="G11" s="362"/>
      <c r="H11" s="362"/>
      <c r="I11" s="362"/>
      <c r="J11" s="362"/>
      <c r="K11" s="115" t="s">
        <v>156</v>
      </c>
      <c r="L11" s="116"/>
      <c r="M11" s="164"/>
      <c r="N11" s="107" t="s">
        <v>98</v>
      </c>
      <c r="O11" s="363"/>
      <c r="P11" s="363"/>
      <c r="Q11" s="363"/>
      <c r="R11" s="363"/>
      <c r="S11" s="115" t="s">
        <v>156</v>
      </c>
      <c r="T11" s="116"/>
      <c r="U11" s="80"/>
      <c r="V11" s="107" t="s">
        <v>24</v>
      </c>
      <c r="W11" s="323" t="s">
        <v>25</v>
      </c>
      <c r="X11" s="362"/>
      <c r="Y11" s="362"/>
      <c r="Z11" s="362"/>
      <c r="AA11" s="362"/>
      <c r="AB11" s="362"/>
      <c r="AC11" s="362"/>
      <c r="AD11" s="362"/>
      <c r="AE11" s="362"/>
      <c r="AF11" s="362"/>
      <c r="AG11" s="362"/>
      <c r="AH11" s="362"/>
      <c r="AI11" s="362"/>
      <c r="AJ11" s="364"/>
    </row>
    <row r="12" spans="1:44" ht="17.25" customHeight="1" x14ac:dyDescent="0.2">
      <c r="A12" s="340"/>
      <c r="B12" s="297"/>
      <c r="C12" s="297"/>
      <c r="D12" s="297"/>
      <c r="E12" s="298"/>
      <c r="F12" s="107" t="s">
        <v>26</v>
      </c>
      <c r="G12" s="107"/>
      <c r="H12" s="365"/>
      <c r="I12" s="365"/>
      <c r="J12" s="365"/>
      <c r="K12" s="365"/>
      <c r="L12" s="365"/>
      <c r="M12" s="365"/>
      <c r="N12" s="365"/>
      <c r="O12" s="107" t="s">
        <v>26</v>
      </c>
      <c r="P12" s="107"/>
      <c r="Q12" s="365"/>
      <c r="R12" s="365"/>
      <c r="S12" s="365"/>
      <c r="T12" s="365"/>
      <c r="U12" s="365"/>
      <c r="V12" s="366"/>
      <c r="W12" s="325"/>
      <c r="X12" s="356"/>
      <c r="Y12" s="356"/>
      <c r="Z12" s="356"/>
      <c r="AA12" s="356"/>
      <c r="AB12" s="356"/>
      <c r="AC12" s="356"/>
      <c r="AD12" s="356"/>
      <c r="AE12" s="356"/>
      <c r="AF12" s="356"/>
      <c r="AG12" s="356"/>
      <c r="AH12" s="356"/>
      <c r="AI12" s="356"/>
      <c r="AJ12" s="360"/>
    </row>
    <row r="13" spans="1:44" ht="17.25" customHeight="1" x14ac:dyDescent="0.2">
      <c r="A13" s="340"/>
      <c r="B13" s="297"/>
      <c r="C13" s="297"/>
      <c r="D13" s="297"/>
      <c r="E13" s="298"/>
      <c r="F13" s="107" t="s">
        <v>27</v>
      </c>
      <c r="G13" s="365"/>
      <c r="H13" s="365"/>
      <c r="I13" s="365"/>
      <c r="J13" s="365"/>
      <c r="K13" s="365"/>
      <c r="L13" s="365"/>
      <c r="M13" s="365"/>
      <c r="N13" s="365"/>
      <c r="O13" s="107" t="s">
        <v>27</v>
      </c>
      <c r="P13" s="365"/>
      <c r="Q13" s="365"/>
      <c r="R13" s="365"/>
      <c r="S13" s="365"/>
      <c r="T13" s="365"/>
      <c r="U13" s="365"/>
      <c r="V13" s="366"/>
      <c r="W13" s="367" t="s">
        <v>28</v>
      </c>
      <c r="X13" s="9" t="s">
        <v>29</v>
      </c>
      <c r="Y13" s="9"/>
      <c r="Z13" s="9"/>
      <c r="AA13" s="9"/>
      <c r="AB13" s="9"/>
      <c r="AC13" s="9"/>
      <c r="AD13" s="9"/>
      <c r="AE13" s="9"/>
      <c r="AF13" s="9"/>
      <c r="AG13" s="9"/>
      <c r="AH13" s="9"/>
      <c r="AI13" s="9"/>
      <c r="AJ13" s="10"/>
    </row>
    <row r="14" spans="1:44" ht="16" customHeight="1" x14ac:dyDescent="0.2">
      <c r="A14" s="371" t="s">
        <v>164</v>
      </c>
      <c r="B14" s="372"/>
      <c r="C14" s="372"/>
      <c r="D14" s="372"/>
      <c r="E14" s="373"/>
      <c r="F14" s="328" t="s">
        <v>165</v>
      </c>
      <c r="G14" s="329"/>
      <c r="H14" s="329"/>
      <c r="I14" s="329"/>
      <c r="J14" s="329"/>
      <c r="K14" s="329"/>
      <c r="L14" s="329"/>
      <c r="M14" s="329"/>
      <c r="N14" s="329"/>
      <c r="O14" s="118"/>
      <c r="P14" s="118"/>
      <c r="Q14" s="118"/>
      <c r="R14" s="118"/>
      <c r="S14" s="118"/>
      <c r="T14" s="118"/>
      <c r="U14" s="118"/>
      <c r="V14" s="279"/>
      <c r="W14" s="368"/>
      <c r="X14" s="11" t="s">
        <v>83</v>
      </c>
      <c r="Y14" s="11"/>
      <c r="Z14" s="11"/>
      <c r="AA14" s="11"/>
      <c r="AB14" s="11"/>
      <c r="AC14" s="11"/>
      <c r="AD14" s="11"/>
      <c r="AE14" s="11"/>
      <c r="AF14" s="11"/>
      <c r="AG14" s="11" t="s">
        <v>30</v>
      </c>
      <c r="AH14" s="11"/>
      <c r="AI14" s="11"/>
      <c r="AJ14" s="52"/>
    </row>
    <row r="15" spans="1:44" ht="13" customHeight="1" x14ac:dyDescent="0.2">
      <c r="A15" s="340" t="s">
        <v>31</v>
      </c>
      <c r="B15" s="297"/>
      <c r="C15" s="297"/>
      <c r="D15" s="297"/>
      <c r="E15" s="298"/>
      <c r="F15" s="115" t="s">
        <v>85</v>
      </c>
      <c r="G15" s="116"/>
      <c r="H15" s="280"/>
      <c r="I15" s="280"/>
      <c r="J15" s="280"/>
      <c r="K15" s="280"/>
      <c r="L15" s="280"/>
      <c r="M15" s="115"/>
      <c r="N15" s="281"/>
      <c r="O15" s="116" t="s">
        <v>167</v>
      </c>
      <c r="P15" s="280"/>
      <c r="Q15" s="280"/>
      <c r="R15" s="280"/>
      <c r="S15" s="280"/>
      <c r="T15" s="280"/>
      <c r="U15" s="280"/>
      <c r="V15" s="282"/>
      <c r="W15" s="368"/>
      <c r="X15" s="107"/>
      <c r="Y15" s="107"/>
      <c r="Z15" s="107"/>
      <c r="AA15" s="107"/>
      <c r="AB15" s="107"/>
      <c r="AC15" s="107"/>
      <c r="AD15" s="107"/>
      <c r="AE15" s="107"/>
      <c r="AF15" s="107"/>
      <c r="AG15" s="107" t="s">
        <v>32</v>
      </c>
      <c r="AH15" s="107"/>
      <c r="AI15" s="107"/>
      <c r="AJ15" s="52"/>
    </row>
    <row r="16" spans="1:44" ht="14.5" customHeight="1" x14ac:dyDescent="0.2">
      <c r="A16" s="330"/>
      <c r="B16" s="331"/>
      <c r="C16" s="331"/>
      <c r="D16" s="331"/>
      <c r="E16" s="332"/>
      <c r="F16" s="333" t="s">
        <v>166</v>
      </c>
      <c r="G16" s="334"/>
      <c r="H16" s="334"/>
      <c r="I16" s="334"/>
      <c r="J16" s="334"/>
      <c r="K16" s="334"/>
      <c r="L16" s="334"/>
      <c r="M16" s="334"/>
      <c r="N16" s="334"/>
      <c r="O16" s="283"/>
      <c r="P16" s="283"/>
      <c r="Q16" s="283"/>
      <c r="R16" s="283"/>
      <c r="S16" s="283"/>
      <c r="T16" s="283"/>
      <c r="U16" s="283"/>
      <c r="V16" s="284"/>
      <c r="W16" s="368"/>
      <c r="X16" s="11"/>
      <c r="Y16" s="11"/>
      <c r="Z16" s="11"/>
      <c r="AA16" s="11"/>
      <c r="AB16" s="11"/>
      <c r="AC16" s="11"/>
      <c r="AD16" s="11"/>
      <c r="AE16" s="11"/>
      <c r="AF16" s="11"/>
      <c r="AG16" s="11"/>
      <c r="AH16" s="11"/>
      <c r="AI16" s="11"/>
      <c r="AJ16" s="52"/>
    </row>
    <row r="17" spans="1:46" ht="13.5" customHeight="1" x14ac:dyDescent="0.2">
      <c r="A17" s="335"/>
      <c r="B17" s="300"/>
      <c r="C17" s="300"/>
      <c r="D17" s="300"/>
      <c r="E17" s="301"/>
      <c r="F17" s="285" t="s">
        <v>168</v>
      </c>
      <c r="G17" s="119"/>
      <c r="H17" s="126"/>
      <c r="I17" s="126"/>
      <c r="J17" s="126"/>
      <c r="K17" s="126"/>
      <c r="L17" s="126"/>
      <c r="M17" s="285"/>
      <c r="N17" s="286"/>
      <c r="O17" s="119" t="s">
        <v>167</v>
      </c>
      <c r="P17" s="126"/>
      <c r="Q17" s="126"/>
      <c r="R17" s="126"/>
      <c r="S17" s="126"/>
      <c r="T17" s="126"/>
      <c r="U17" s="126"/>
      <c r="V17" s="287"/>
      <c r="W17" s="368"/>
      <c r="X17" s="107"/>
      <c r="Y17" s="107"/>
      <c r="Z17" s="107"/>
      <c r="AA17" s="107"/>
      <c r="AB17" s="107"/>
      <c r="AC17" s="107"/>
      <c r="AD17" s="107"/>
      <c r="AE17" s="107"/>
      <c r="AF17" s="107"/>
      <c r="AG17" s="107" t="s">
        <v>32</v>
      </c>
      <c r="AH17" s="107"/>
      <c r="AI17" s="107"/>
      <c r="AJ17" s="52"/>
    </row>
    <row r="18" spans="1:46" ht="17.25" customHeight="1" x14ac:dyDescent="0.2">
      <c r="A18" s="338"/>
      <c r="B18" s="336"/>
      <c r="C18" s="164"/>
      <c r="D18" s="164"/>
      <c r="E18" s="164"/>
      <c r="F18" s="164"/>
      <c r="G18" s="164"/>
      <c r="H18" s="164"/>
      <c r="I18" s="164"/>
      <c r="J18" s="164"/>
      <c r="K18" s="164"/>
      <c r="L18" s="164"/>
      <c r="M18" s="164"/>
      <c r="N18" s="164"/>
      <c r="O18" s="164"/>
      <c r="P18" s="164"/>
      <c r="Q18" s="164"/>
      <c r="R18" s="164"/>
      <c r="S18" s="164"/>
      <c r="T18" s="164"/>
      <c r="U18" s="164"/>
      <c r="V18" s="165"/>
      <c r="W18" s="369"/>
      <c r="X18" s="107"/>
      <c r="Y18" s="107"/>
      <c r="Z18" s="107"/>
      <c r="AA18" s="107"/>
      <c r="AB18" s="107"/>
      <c r="AC18" s="107"/>
      <c r="AD18" s="107"/>
      <c r="AE18" s="107"/>
      <c r="AF18" s="107"/>
      <c r="AG18" s="107"/>
      <c r="AH18" s="107"/>
      <c r="AI18" s="107"/>
      <c r="AJ18" s="52"/>
      <c r="AO18" s="40"/>
      <c r="AP18" s="40"/>
      <c r="AQ18" s="40"/>
      <c r="AR18" s="40"/>
      <c r="AS18" s="40"/>
      <c r="AT18" s="40"/>
    </row>
    <row r="19" spans="1:46" ht="17.25" customHeight="1" x14ac:dyDescent="0.2">
      <c r="A19" s="338"/>
      <c r="B19" s="336"/>
      <c r="C19" s="164"/>
      <c r="D19" s="164"/>
      <c r="E19" s="164"/>
      <c r="F19" s="164"/>
      <c r="G19" s="164"/>
      <c r="H19" s="164"/>
      <c r="I19" s="164"/>
      <c r="J19" s="164"/>
      <c r="K19" s="164"/>
      <c r="L19" s="164"/>
      <c r="M19" s="164"/>
      <c r="N19" s="164"/>
      <c r="O19" s="164"/>
      <c r="P19" s="164"/>
      <c r="Q19" s="164"/>
      <c r="R19" s="164"/>
      <c r="S19" s="164"/>
      <c r="T19" s="164"/>
      <c r="U19" s="164"/>
      <c r="V19" s="165"/>
      <c r="W19" s="369"/>
      <c r="X19" s="107"/>
      <c r="Y19" s="107"/>
      <c r="Z19" s="107"/>
      <c r="AA19" s="107"/>
      <c r="AB19" s="107"/>
      <c r="AC19" s="107"/>
      <c r="AD19" s="107"/>
      <c r="AE19" s="107"/>
      <c r="AF19" s="107"/>
      <c r="AG19" s="107"/>
      <c r="AH19" s="107"/>
      <c r="AI19" s="107"/>
      <c r="AJ19" s="52"/>
    </row>
    <row r="20" spans="1:46" ht="17.25" customHeight="1" x14ac:dyDescent="0.2">
      <c r="A20" s="339"/>
      <c r="B20" s="337"/>
      <c r="C20" s="163"/>
      <c r="D20" s="163"/>
      <c r="E20" s="163"/>
      <c r="F20" s="163"/>
      <c r="G20" s="163"/>
      <c r="H20" s="163"/>
      <c r="I20" s="163"/>
      <c r="J20" s="163"/>
      <c r="K20" s="163"/>
      <c r="L20" s="163"/>
      <c r="M20" s="163"/>
      <c r="N20" s="163"/>
      <c r="O20" s="163"/>
      <c r="P20" s="163"/>
      <c r="Q20" s="163"/>
      <c r="R20" s="163"/>
      <c r="S20" s="163"/>
      <c r="T20" s="163"/>
      <c r="U20" s="163"/>
      <c r="V20" s="113"/>
      <c r="W20" s="370"/>
      <c r="X20" s="48"/>
      <c r="Y20" s="48"/>
      <c r="Z20" s="48"/>
      <c r="AA20" s="48"/>
      <c r="AB20" s="48"/>
      <c r="AC20" s="48"/>
      <c r="AD20" s="48"/>
      <c r="AE20" s="48"/>
      <c r="AF20" s="31"/>
      <c r="AG20" s="120" t="s">
        <v>147</v>
      </c>
      <c r="AH20" s="119" t="s">
        <v>73</v>
      </c>
      <c r="AI20" s="119"/>
      <c r="AJ20" s="121"/>
      <c r="AO20" s="40"/>
    </row>
    <row r="21" spans="1:46" ht="17.25" customHeight="1" x14ac:dyDescent="0.2">
      <c r="A21" s="340" t="s">
        <v>33</v>
      </c>
      <c r="B21" s="341"/>
      <c r="C21" s="341"/>
      <c r="D21" s="341"/>
      <c r="E21" s="295"/>
      <c r="F21" s="50" t="s">
        <v>91</v>
      </c>
      <c r="G21" s="50"/>
      <c r="H21" s="29"/>
      <c r="I21" s="50" t="s">
        <v>99</v>
      </c>
      <c r="J21" s="50" t="s">
        <v>100</v>
      </c>
      <c r="K21" s="50" t="s">
        <v>34</v>
      </c>
      <c r="L21" s="50"/>
      <c r="M21" s="50"/>
      <c r="N21" s="50"/>
      <c r="O21" s="50"/>
      <c r="P21" s="348" t="s">
        <v>35</v>
      </c>
      <c r="Q21" s="349"/>
      <c r="R21" s="50" t="s">
        <v>101</v>
      </c>
      <c r="S21" s="50"/>
      <c r="T21" s="50"/>
      <c r="U21" s="50"/>
      <c r="V21" s="50"/>
      <c r="W21" s="323" t="s">
        <v>36</v>
      </c>
      <c r="X21" s="12"/>
      <c r="Y21" s="12"/>
      <c r="Z21" s="12"/>
      <c r="AA21" s="12"/>
      <c r="AB21" s="12"/>
      <c r="AC21" s="12"/>
      <c r="AD21" s="12"/>
      <c r="AE21" s="12"/>
      <c r="AF21" s="12"/>
      <c r="AG21" s="12"/>
      <c r="AH21" s="12"/>
      <c r="AI21" s="12"/>
      <c r="AJ21" s="13"/>
      <c r="AL21" s="40"/>
      <c r="AM21" s="40"/>
      <c r="AN21" s="40"/>
      <c r="AO21" s="40"/>
      <c r="AP21" s="40"/>
      <c r="AQ21" s="40"/>
      <c r="AR21" s="40"/>
      <c r="AS21" s="40"/>
      <c r="AT21" s="40"/>
    </row>
    <row r="22" spans="1:46" ht="17.25" customHeight="1" x14ac:dyDescent="0.2">
      <c r="A22" s="335"/>
      <c r="B22" s="300"/>
      <c r="C22" s="300"/>
      <c r="D22" s="300"/>
      <c r="E22" s="301"/>
      <c r="F22" s="41" t="s">
        <v>37</v>
      </c>
      <c r="G22" s="41"/>
      <c r="H22" s="32"/>
      <c r="I22" s="31"/>
      <c r="J22" s="32"/>
      <c r="K22" s="32"/>
      <c r="L22" s="48"/>
      <c r="M22" s="48"/>
      <c r="N22" s="48"/>
      <c r="O22" s="48"/>
      <c r="P22" s="346" t="s">
        <v>38</v>
      </c>
      <c r="Q22" s="347"/>
      <c r="R22" s="48" t="s">
        <v>39</v>
      </c>
      <c r="S22" s="163"/>
      <c r="T22" s="163"/>
      <c r="U22" s="163"/>
      <c r="V22" s="113"/>
      <c r="W22" s="324"/>
      <c r="X22" s="14"/>
      <c r="Y22" s="14"/>
      <c r="Z22" s="14"/>
      <c r="AA22" s="14"/>
      <c r="AB22" s="14"/>
      <c r="AC22" s="14"/>
      <c r="AD22" s="14"/>
      <c r="AE22" s="14"/>
      <c r="AF22" s="14"/>
      <c r="AG22" s="14"/>
      <c r="AH22" s="14"/>
      <c r="AI22" s="14"/>
      <c r="AJ22" s="15"/>
      <c r="AL22" s="40"/>
      <c r="AM22" s="40"/>
      <c r="AN22" s="40"/>
      <c r="AO22" s="40"/>
      <c r="AP22" s="40"/>
      <c r="AQ22" s="40"/>
      <c r="AR22" s="40"/>
      <c r="AS22" s="40"/>
      <c r="AT22" s="40"/>
    </row>
    <row r="23" spans="1:46" ht="17.25" customHeight="1" x14ac:dyDescent="0.2">
      <c r="A23" s="342" t="s">
        <v>40</v>
      </c>
      <c r="B23" s="341"/>
      <c r="C23" s="341"/>
      <c r="D23" s="341"/>
      <c r="E23" s="295"/>
      <c r="F23" s="50" t="s">
        <v>41</v>
      </c>
      <c r="G23" s="50"/>
      <c r="H23" s="50"/>
      <c r="I23" s="50" t="s">
        <v>42</v>
      </c>
      <c r="J23" s="78"/>
      <c r="K23" s="50" t="s">
        <v>43</v>
      </c>
      <c r="L23" s="50"/>
      <c r="M23" s="50"/>
      <c r="N23" s="50" t="s">
        <v>44</v>
      </c>
      <c r="O23" s="50"/>
      <c r="P23" s="50" t="s">
        <v>42</v>
      </c>
      <c r="Q23" s="78"/>
      <c r="R23" s="50" t="s">
        <v>43</v>
      </c>
      <c r="S23" s="50"/>
      <c r="T23" s="50"/>
      <c r="U23" s="50"/>
      <c r="V23" s="50"/>
      <c r="W23" s="324"/>
      <c r="X23" s="14"/>
      <c r="Y23" s="14"/>
      <c r="Z23" s="14"/>
      <c r="AA23" s="14"/>
      <c r="AB23" s="14"/>
      <c r="AC23" s="14"/>
      <c r="AD23" s="14"/>
      <c r="AE23" s="14"/>
      <c r="AF23" s="14"/>
      <c r="AG23" s="14"/>
      <c r="AH23" s="14"/>
      <c r="AI23" s="14"/>
      <c r="AJ23" s="15"/>
      <c r="AL23" s="23"/>
      <c r="AM23" s="23"/>
      <c r="AN23" s="23"/>
      <c r="AO23" s="25"/>
      <c r="AP23" s="23"/>
      <c r="AQ23" s="23"/>
    </row>
    <row r="24" spans="1:46" ht="17.25" customHeight="1" x14ac:dyDescent="0.2">
      <c r="A24" s="335"/>
      <c r="B24" s="300"/>
      <c r="C24" s="300"/>
      <c r="D24" s="300"/>
      <c r="E24" s="301"/>
      <c r="F24" s="16" t="s">
        <v>45</v>
      </c>
      <c r="G24" s="48"/>
      <c r="H24" s="48"/>
      <c r="I24" s="48" t="s">
        <v>42</v>
      </c>
      <c r="J24" s="79"/>
      <c r="K24" s="48" t="s">
        <v>43</v>
      </c>
      <c r="L24" s="48"/>
      <c r="M24" s="48"/>
      <c r="N24" s="48" t="s">
        <v>46</v>
      </c>
      <c r="O24" s="48"/>
      <c r="P24" s="48" t="s">
        <v>42</v>
      </c>
      <c r="Q24" s="79"/>
      <c r="R24" s="48" t="s">
        <v>43</v>
      </c>
      <c r="S24" s="48"/>
      <c r="T24" s="48"/>
      <c r="U24" s="48"/>
      <c r="V24" s="48"/>
      <c r="W24" s="324"/>
      <c r="X24" s="14"/>
      <c r="Y24" s="14"/>
      <c r="Z24" s="14"/>
      <c r="AA24" s="14"/>
      <c r="AB24" s="14"/>
      <c r="AC24" s="14"/>
      <c r="AD24" s="14"/>
      <c r="AE24" s="14"/>
      <c r="AF24" s="14"/>
      <c r="AG24" s="14"/>
      <c r="AH24" s="14"/>
      <c r="AI24" s="14"/>
      <c r="AJ24" s="15"/>
    </row>
    <row r="25" spans="1:46" ht="17.25" customHeight="1" x14ac:dyDescent="0.2">
      <c r="A25" s="343" t="s">
        <v>94</v>
      </c>
      <c r="B25" s="344"/>
      <c r="C25" s="344"/>
      <c r="D25" s="344"/>
      <c r="E25" s="345"/>
      <c r="F25" s="118" t="s">
        <v>101</v>
      </c>
      <c r="G25" s="116"/>
      <c r="H25" s="116"/>
      <c r="I25" s="119" t="s">
        <v>95</v>
      </c>
      <c r="J25" s="125"/>
      <c r="K25" s="126"/>
      <c r="L25" s="119" t="s">
        <v>96</v>
      </c>
      <c r="M25" s="127"/>
      <c r="N25" s="128" t="s">
        <v>92</v>
      </c>
      <c r="O25" s="128"/>
      <c r="P25" s="129"/>
      <c r="Q25" s="128" t="s">
        <v>96</v>
      </c>
      <c r="R25" s="119"/>
      <c r="S25" s="119" t="s">
        <v>93</v>
      </c>
      <c r="T25" s="119"/>
      <c r="U25" s="126"/>
      <c r="V25" s="119" t="s">
        <v>96</v>
      </c>
      <c r="W25" s="324"/>
      <c r="X25" s="14"/>
      <c r="Y25" s="14"/>
      <c r="Z25" s="14"/>
      <c r="AA25" s="14"/>
      <c r="AB25" s="14"/>
      <c r="AC25" s="14"/>
      <c r="AD25" s="14"/>
      <c r="AE25" s="14"/>
      <c r="AF25" s="14"/>
      <c r="AG25" s="14"/>
      <c r="AH25" s="14"/>
      <c r="AI25" s="14"/>
      <c r="AJ25" s="15"/>
    </row>
    <row r="26" spans="1:46" ht="17.25" customHeight="1" x14ac:dyDescent="0.2">
      <c r="A26" s="343" t="s">
        <v>97</v>
      </c>
      <c r="B26" s="344"/>
      <c r="C26" s="344"/>
      <c r="D26" s="344"/>
      <c r="E26" s="345"/>
      <c r="F26" s="130" t="s">
        <v>101</v>
      </c>
      <c r="G26" s="125"/>
      <c r="H26" s="125"/>
      <c r="I26" s="128" t="s">
        <v>139</v>
      </c>
      <c r="J26" s="125"/>
      <c r="K26" s="128"/>
      <c r="L26" s="125"/>
      <c r="M26" s="125"/>
      <c r="N26" s="125"/>
      <c r="O26" s="128"/>
      <c r="P26" s="125"/>
      <c r="Q26" s="125"/>
      <c r="R26" s="125"/>
      <c r="S26" s="119"/>
      <c r="T26" s="125"/>
      <c r="U26" s="125"/>
      <c r="V26" s="125" t="s">
        <v>123</v>
      </c>
      <c r="W26" s="325"/>
      <c r="X26" s="122" t="s">
        <v>70</v>
      </c>
      <c r="Y26" s="123" t="s">
        <v>153</v>
      </c>
      <c r="Z26" s="124"/>
      <c r="AA26" s="124"/>
      <c r="AB26" s="124"/>
      <c r="AC26" s="124"/>
      <c r="AD26" s="124"/>
      <c r="AE26" s="124"/>
      <c r="AF26" s="124"/>
      <c r="AG26" s="20"/>
      <c r="AH26" s="20"/>
      <c r="AI26" s="20"/>
      <c r="AJ26" s="21"/>
    </row>
    <row r="27" spans="1:46" ht="8.25" customHeight="1" x14ac:dyDescent="0.2">
      <c r="A27" s="35"/>
      <c r="B27" s="36"/>
      <c r="C27" s="36"/>
      <c r="D27" s="36"/>
      <c r="E27" s="36"/>
      <c r="F27" s="107"/>
      <c r="G27" s="107"/>
      <c r="H27" s="107"/>
      <c r="I27" s="107"/>
      <c r="J27" s="107"/>
      <c r="K27" s="107"/>
      <c r="L27" s="107"/>
      <c r="M27" s="107"/>
      <c r="N27" s="107"/>
      <c r="O27" s="107"/>
      <c r="P27" s="107"/>
      <c r="Q27" s="107"/>
      <c r="R27" s="17"/>
      <c r="S27" s="36"/>
      <c r="T27" s="107"/>
      <c r="U27" s="107"/>
      <c r="V27" s="107"/>
      <c r="W27" s="42"/>
      <c r="X27" s="50"/>
      <c r="Y27" s="50"/>
      <c r="Z27" s="50"/>
      <c r="AA27" s="50"/>
      <c r="AB27" s="50"/>
      <c r="AC27" s="50"/>
      <c r="AD27" s="50"/>
      <c r="AE27" s="50"/>
      <c r="AF27" s="50"/>
      <c r="AG27" s="50"/>
      <c r="AH27" s="50"/>
      <c r="AI27" s="50"/>
      <c r="AJ27" s="37"/>
    </row>
    <row r="28" spans="1:46" ht="18" customHeight="1" x14ac:dyDescent="0.2">
      <c r="A28" s="18"/>
      <c r="B28" s="19" t="s">
        <v>47</v>
      </c>
      <c r="C28" s="36"/>
      <c r="D28" s="36"/>
      <c r="E28" s="36"/>
      <c r="F28" s="107"/>
      <c r="G28" s="107"/>
      <c r="H28" s="107"/>
      <c r="I28" s="107"/>
      <c r="J28" s="44" t="s">
        <v>148</v>
      </c>
      <c r="K28" s="107"/>
      <c r="L28" s="107"/>
      <c r="M28" s="107"/>
      <c r="N28" s="107"/>
      <c r="O28" s="107"/>
      <c r="P28" s="107"/>
      <c r="Q28" s="107"/>
      <c r="R28" s="17"/>
      <c r="S28" s="36"/>
      <c r="T28" s="107"/>
      <c r="U28" s="107"/>
      <c r="V28" s="107"/>
      <c r="W28" s="43"/>
      <c r="X28" s="48"/>
      <c r="Y28" s="48"/>
      <c r="Z28" s="48"/>
      <c r="AA28" s="48"/>
      <c r="AB28" s="48"/>
      <c r="AC28" s="48"/>
      <c r="AD28" s="48"/>
      <c r="AE28" s="48"/>
      <c r="AF28" s="48"/>
      <c r="AG28" s="48"/>
      <c r="AH28" s="48"/>
      <c r="AI28" s="48"/>
      <c r="AJ28" s="38"/>
    </row>
    <row r="29" spans="1:46" ht="18" customHeight="1" x14ac:dyDescent="0.2">
      <c r="A29" s="381" t="s">
        <v>48</v>
      </c>
      <c r="B29" s="378" t="s">
        <v>103</v>
      </c>
      <c r="C29" s="380"/>
      <c r="D29" s="58" t="s">
        <v>106</v>
      </c>
      <c r="E29" s="59"/>
      <c r="F29" s="59"/>
      <c r="G29" s="59"/>
      <c r="H29" s="59"/>
      <c r="I29" s="60"/>
      <c r="J29" s="60"/>
      <c r="K29" s="60"/>
      <c r="L29" s="60"/>
      <c r="M29" s="61"/>
      <c r="N29" s="397" t="s">
        <v>49</v>
      </c>
      <c r="O29" s="401"/>
      <c r="P29" s="12"/>
      <c r="Q29" s="111"/>
      <c r="R29" s="112" t="s">
        <v>84</v>
      </c>
      <c r="S29" s="384" t="s">
        <v>50</v>
      </c>
      <c r="T29" s="387" t="s">
        <v>51</v>
      </c>
      <c r="U29" s="378" t="s">
        <v>114</v>
      </c>
      <c r="V29" s="378"/>
      <c r="W29" s="374" t="s">
        <v>102</v>
      </c>
      <c r="X29" s="375"/>
      <c r="Y29" s="375"/>
      <c r="Z29" s="375"/>
      <c r="AA29" s="375"/>
      <c r="AB29" s="402"/>
      <c r="AC29" s="397" t="s">
        <v>118</v>
      </c>
      <c r="AD29" s="401"/>
      <c r="AE29" s="374" t="s">
        <v>102</v>
      </c>
      <c r="AF29" s="375"/>
      <c r="AG29" s="375"/>
      <c r="AH29" s="375"/>
      <c r="AI29" s="375"/>
      <c r="AJ29" s="376"/>
    </row>
    <row r="30" spans="1:46" ht="18" customHeight="1" x14ac:dyDescent="0.2">
      <c r="A30" s="382"/>
      <c r="B30" s="379" t="s">
        <v>52</v>
      </c>
      <c r="C30" s="379"/>
      <c r="D30" s="410" t="s">
        <v>132</v>
      </c>
      <c r="E30" s="411"/>
      <c r="F30" s="131" t="s">
        <v>157</v>
      </c>
      <c r="G30" s="132"/>
      <c r="H30" s="132"/>
      <c r="I30" s="132"/>
      <c r="J30" s="133"/>
      <c r="K30" s="133"/>
      <c r="L30" s="134"/>
      <c r="M30" s="410" t="s">
        <v>135</v>
      </c>
      <c r="N30" s="411"/>
      <c r="O30" s="133" t="s">
        <v>101</v>
      </c>
      <c r="P30" s="132"/>
      <c r="Q30" s="133"/>
      <c r="R30" s="65"/>
      <c r="S30" s="385"/>
      <c r="T30" s="388"/>
      <c r="U30" s="379" t="s">
        <v>115</v>
      </c>
      <c r="V30" s="379"/>
      <c r="W30" s="465" t="s">
        <v>102</v>
      </c>
      <c r="X30" s="466"/>
      <c r="Y30" s="466"/>
      <c r="Z30" s="466"/>
      <c r="AA30" s="466"/>
      <c r="AB30" s="467"/>
      <c r="AC30" s="410" t="s">
        <v>119</v>
      </c>
      <c r="AD30" s="411"/>
      <c r="AE30" s="465" t="s">
        <v>102</v>
      </c>
      <c r="AF30" s="466"/>
      <c r="AG30" s="466"/>
      <c r="AH30" s="466"/>
      <c r="AI30" s="466"/>
      <c r="AJ30" s="468"/>
    </row>
    <row r="31" spans="1:46" ht="18" customHeight="1" x14ac:dyDescent="0.2">
      <c r="A31" s="382"/>
      <c r="B31" s="379"/>
      <c r="C31" s="379"/>
      <c r="D31" s="410" t="s">
        <v>133</v>
      </c>
      <c r="E31" s="411"/>
      <c r="F31" s="131" t="s">
        <v>158</v>
      </c>
      <c r="G31" s="135"/>
      <c r="H31" s="133"/>
      <c r="I31" s="133"/>
      <c r="J31" s="133"/>
      <c r="K31" s="133"/>
      <c r="L31" s="133"/>
      <c r="M31" s="136"/>
      <c r="N31" s="136"/>
      <c r="O31" s="136"/>
      <c r="P31" s="136"/>
      <c r="Q31" s="136"/>
      <c r="R31" s="65"/>
      <c r="S31" s="385"/>
      <c r="T31" s="388"/>
      <c r="U31" s="379" t="s">
        <v>116</v>
      </c>
      <c r="V31" s="379"/>
      <c r="W31" s="465" t="s">
        <v>102</v>
      </c>
      <c r="X31" s="466"/>
      <c r="Y31" s="466"/>
      <c r="Z31" s="466"/>
      <c r="AA31" s="466"/>
      <c r="AB31" s="467"/>
      <c r="AC31" s="410" t="s">
        <v>120</v>
      </c>
      <c r="AD31" s="411"/>
      <c r="AE31" s="465" t="s">
        <v>102</v>
      </c>
      <c r="AF31" s="466"/>
      <c r="AG31" s="466"/>
      <c r="AH31" s="466"/>
      <c r="AI31" s="466"/>
      <c r="AJ31" s="468"/>
    </row>
    <row r="32" spans="1:46" ht="18" customHeight="1" x14ac:dyDescent="0.2">
      <c r="A32" s="383"/>
      <c r="B32" s="389" t="s">
        <v>53</v>
      </c>
      <c r="C32" s="389"/>
      <c r="D32" s="48" t="s">
        <v>160</v>
      </c>
      <c r="E32" s="48"/>
      <c r="F32" s="138"/>
      <c r="G32" s="138"/>
      <c r="H32" s="138"/>
      <c r="I32" s="138"/>
      <c r="J32" s="138"/>
      <c r="K32" s="139"/>
      <c r="L32" s="390" t="s">
        <v>134</v>
      </c>
      <c r="M32" s="419"/>
      <c r="N32" s="140" t="s">
        <v>159</v>
      </c>
      <c r="O32" s="138"/>
      <c r="P32" s="138"/>
      <c r="Q32" s="138"/>
      <c r="R32" s="57"/>
      <c r="S32" s="385"/>
      <c r="T32" s="388" t="s">
        <v>55</v>
      </c>
      <c r="U32" s="379" t="s">
        <v>117</v>
      </c>
      <c r="V32" s="379"/>
      <c r="W32" s="405" t="s">
        <v>102</v>
      </c>
      <c r="X32" s="406"/>
      <c r="Y32" s="406"/>
      <c r="Z32" s="406"/>
      <c r="AA32" s="406"/>
      <c r="AB32" s="406"/>
      <c r="AC32" s="64"/>
      <c r="AD32" s="64"/>
      <c r="AE32" s="64"/>
      <c r="AF32" s="64"/>
      <c r="AG32" s="64"/>
      <c r="AH32" s="64"/>
      <c r="AI32" s="64"/>
      <c r="AJ32" s="81"/>
    </row>
    <row r="33" spans="1:37" ht="18" customHeight="1" x14ac:dyDescent="0.2">
      <c r="A33" s="381" t="s">
        <v>54</v>
      </c>
      <c r="B33" s="378" t="s">
        <v>104</v>
      </c>
      <c r="C33" s="380"/>
      <c r="D33" s="60" t="s">
        <v>102</v>
      </c>
      <c r="E33" s="59"/>
      <c r="F33" s="59"/>
      <c r="G33" s="59"/>
      <c r="H33" s="59"/>
      <c r="I33" s="12"/>
      <c r="J33" s="62"/>
      <c r="K33" s="397" t="s">
        <v>105</v>
      </c>
      <c r="L33" s="401"/>
      <c r="M33" s="420" t="s">
        <v>102</v>
      </c>
      <c r="N33" s="421"/>
      <c r="O33" s="421"/>
      <c r="P33" s="421"/>
      <c r="Q33" s="421"/>
      <c r="R33" s="422"/>
      <c r="S33" s="386"/>
      <c r="T33" s="412"/>
      <c r="U33" s="407" t="s">
        <v>113</v>
      </c>
      <c r="V33" s="407"/>
      <c r="W33" s="104" t="s">
        <v>161</v>
      </c>
      <c r="X33" s="41"/>
      <c r="Y33" s="41"/>
      <c r="Z33" s="41"/>
      <c r="AA33" s="41"/>
      <c r="AB33" s="41"/>
      <c r="AC33" s="41"/>
      <c r="AD33" s="137"/>
      <c r="AE33" s="137"/>
      <c r="AF33" s="41"/>
      <c r="AG33" s="41"/>
      <c r="AH33" s="41"/>
      <c r="AI33" s="41"/>
      <c r="AJ33" s="93" t="s">
        <v>123</v>
      </c>
    </row>
    <row r="34" spans="1:37" ht="18" customHeight="1" x14ac:dyDescent="0.2">
      <c r="A34" s="382"/>
      <c r="B34" s="379" t="s">
        <v>56</v>
      </c>
      <c r="C34" s="379"/>
      <c r="D34" s="68" t="s">
        <v>107</v>
      </c>
      <c r="E34" s="69"/>
      <c r="F34" s="64"/>
      <c r="G34" s="64"/>
      <c r="H34" s="64"/>
      <c r="I34" s="64"/>
      <c r="J34" s="70"/>
      <c r="K34" s="70"/>
      <c r="L34" s="70"/>
      <c r="M34" s="71"/>
      <c r="N34" s="64"/>
      <c r="O34" s="64"/>
      <c r="P34" s="64"/>
      <c r="Q34" s="64"/>
      <c r="R34" s="72"/>
      <c r="S34" s="350" t="s">
        <v>121</v>
      </c>
      <c r="T34" s="351"/>
      <c r="U34" s="47" t="s">
        <v>106</v>
      </c>
      <c r="V34" s="27"/>
      <c r="W34" s="27"/>
      <c r="X34" s="27"/>
      <c r="Y34" s="27"/>
      <c r="Z34" s="4"/>
      <c r="AA34" s="4"/>
      <c r="AB34" s="350" t="s">
        <v>122</v>
      </c>
      <c r="AC34" s="400"/>
      <c r="AD34" s="47" t="s">
        <v>102</v>
      </c>
      <c r="AE34" s="107"/>
      <c r="AF34" s="27"/>
      <c r="AG34" s="27"/>
      <c r="AH34" s="27"/>
      <c r="AI34" s="27"/>
      <c r="AJ34" s="5"/>
    </row>
    <row r="35" spans="1:37" ht="18" customHeight="1" x14ac:dyDescent="0.2">
      <c r="A35" s="383"/>
      <c r="B35" s="389" t="s">
        <v>53</v>
      </c>
      <c r="C35" s="389"/>
      <c r="D35" s="48" t="s">
        <v>108</v>
      </c>
      <c r="E35" s="41"/>
      <c r="F35" s="41"/>
      <c r="G35" s="41"/>
      <c r="H35" s="41"/>
      <c r="I35" s="48"/>
      <c r="J35" s="46"/>
      <c r="K35" s="66"/>
      <c r="L35" s="41"/>
      <c r="M35" s="41"/>
      <c r="N35" s="41"/>
      <c r="O35" s="41"/>
      <c r="P35" s="48"/>
      <c r="Q35" s="48"/>
      <c r="R35" s="49"/>
      <c r="S35" s="350" t="s">
        <v>59</v>
      </c>
      <c r="T35" s="351"/>
      <c r="U35" s="4" t="s">
        <v>60</v>
      </c>
      <c r="V35" s="4"/>
      <c r="W35" s="4"/>
      <c r="X35" s="4"/>
      <c r="Y35" s="107"/>
      <c r="Z35" s="403" t="s">
        <v>146</v>
      </c>
      <c r="AA35" s="404"/>
      <c r="AB35" s="400"/>
      <c r="AC35" s="4" t="s">
        <v>145</v>
      </c>
      <c r="AD35" s="4"/>
      <c r="AE35" s="4"/>
      <c r="AF35" s="4"/>
      <c r="AG35" s="4"/>
      <c r="AH35" s="4"/>
      <c r="AI35" s="4"/>
      <c r="AJ35" s="54" t="s">
        <v>123</v>
      </c>
    </row>
    <row r="36" spans="1:37" ht="18" customHeight="1" x14ac:dyDescent="0.2">
      <c r="A36" s="157" t="s">
        <v>57</v>
      </c>
      <c r="B36" s="404" t="s">
        <v>109</v>
      </c>
      <c r="C36" s="351"/>
      <c r="D36" s="158" t="s">
        <v>106</v>
      </c>
      <c r="E36" s="45"/>
      <c r="F36" s="45"/>
      <c r="G36" s="45"/>
      <c r="H36" s="45"/>
      <c r="I36" s="45"/>
      <c r="J36" s="73"/>
      <c r="K36" s="403" t="s">
        <v>53</v>
      </c>
      <c r="L36" s="400"/>
      <c r="M36" s="423" t="s">
        <v>58</v>
      </c>
      <c r="N36" s="424"/>
      <c r="O36" s="424"/>
      <c r="P36" s="424"/>
      <c r="Q36" s="424"/>
      <c r="R36" s="425"/>
      <c r="S36" s="413" t="s">
        <v>63</v>
      </c>
      <c r="T36" s="414"/>
      <c r="U36" s="294" t="s">
        <v>140</v>
      </c>
      <c r="V36" s="295"/>
      <c r="W36" s="50" t="s">
        <v>101</v>
      </c>
      <c r="X36" s="53"/>
      <c r="Y36" s="50"/>
      <c r="Z36" s="50" t="s">
        <v>87</v>
      </c>
      <c r="AA36" s="87"/>
      <c r="AB36" s="88"/>
      <c r="AC36" s="88"/>
      <c r="AD36" s="88"/>
      <c r="AE36" s="88"/>
      <c r="AF36" s="88"/>
      <c r="AG36" s="88"/>
      <c r="AH36" s="50"/>
      <c r="AI36" s="50"/>
      <c r="AJ36" s="30" t="s">
        <v>123</v>
      </c>
    </row>
    <row r="37" spans="1:37" ht="18" customHeight="1" x14ac:dyDescent="0.2">
      <c r="A37" s="394" t="s">
        <v>61</v>
      </c>
      <c r="B37" s="397" t="s">
        <v>62</v>
      </c>
      <c r="C37" s="398"/>
      <c r="D37" s="292" t="s">
        <v>163</v>
      </c>
      <c r="E37" s="291"/>
      <c r="F37" s="291"/>
      <c r="G37" s="288"/>
      <c r="H37" s="288"/>
      <c r="I37" s="74"/>
      <c r="J37" s="397" t="s">
        <v>136</v>
      </c>
      <c r="K37" s="401"/>
      <c r="L37" s="141" t="s">
        <v>110</v>
      </c>
      <c r="M37" s="142"/>
      <c r="N37" s="143"/>
      <c r="O37" s="143"/>
      <c r="P37" s="75"/>
      <c r="Q37" s="75"/>
      <c r="R37" s="67"/>
      <c r="S37" s="415"/>
      <c r="T37" s="416"/>
      <c r="U37" s="410" t="s">
        <v>141</v>
      </c>
      <c r="V37" s="475"/>
      <c r="W37" s="475"/>
      <c r="X37" s="411"/>
      <c r="Y37" s="14" t="s">
        <v>101</v>
      </c>
      <c r="Z37" s="89"/>
      <c r="AA37" s="14"/>
      <c r="AB37" s="14" t="s">
        <v>87</v>
      </c>
      <c r="AC37" s="90"/>
      <c r="AD37" s="91"/>
      <c r="AE37" s="91"/>
      <c r="AF37" s="91"/>
      <c r="AG37" s="91"/>
      <c r="AH37" s="14"/>
      <c r="AI37" s="14"/>
      <c r="AJ37" s="92" t="s">
        <v>123</v>
      </c>
    </row>
    <row r="38" spans="1:37" ht="18" customHeight="1" x14ac:dyDescent="0.2">
      <c r="A38" s="395"/>
      <c r="B38" s="410" t="s">
        <v>64</v>
      </c>
      <c r="C38" s="469"/>
      <c r="D38" s="470"/>
      <c r="E38" s="68" t="s">
        <v>112</v>
      </c>
      <c r="F38" s="159"/>
      <c r="G38" s="76"/>
      <c r="H38" s="76"/>
      <c r="I38" s="76"/>
      <c r="J38" s="14"/>
      <c r="K38" s="14"/>
      <c r="L38" s="14"/>
      <c r="M38" s="77"/>
      <c r="N38" s="77"/>
      <c r="O38" s="77"/>
      <c r="P38" s="77"/>
      <c r="Q38" s="77"/>
      <c r="R38" s="65"/>
      <c r="S38" s="415"/>
      <c r="T38" s="416"/>
      <c r="U38" s="302" t="s">
        <v>142</v>
      </c>
      <c r="V38" s="303"/>
      <c r="W38" s="304"/>
      <c r="X38" s="64" t="s">
        <v>101</v>
      </c>
      <c r="Y38" s="64"/>
      <c r="Z38" s="64"/>
      <c r="AA38" s="64" t="s">
        <v>42</v>
      </c>
      <c r="AB38" s="86"/>
      <c r="AC38" s="86"/>
      <c r="AD38" s="86"/>
      <c r="AE38" s="86"/>
      <c r="AF38" s="86"/>
      <c r="AG38" s="86"/>
      <c r="AH38" s="71"/>
      <c r="AI38" s="64"/>
      <c r="AJ38" s="85" t="s">
        <v>123</v>
      </c>
    </row>
    <row r="39" spans="1:37" ht="18" customHeight="1" x14ac:dyDescent="0.2">
      <c r="A39" s="395"/>
      <c r="B39" s="303" t="s">
        <v>65</v>
      </c>
      <c r="C39" s="399"/>
      <c r="D39" s="63" t="s">
        <v>66</v>
      </c>
      <c r="E39" s="14"/>
      <c r="F39" s="14"/>
      <c r="G39" s="14"/>
      <c r="H39" s="14"/>
      <c r="I39" s="14"/>
      <c r="J39" s="14"/>
      <c r="K39" s="14"/>
      <c r="L39" s="14"/>
      <c r="M39" s="14"/>
      <c r="N39" s="14"/>
      <c r="O39" s="144" t="s">
        <v>70</v>
      </c>
      <c r="P39" s="133" t="s">
        <v>76</v>
      </c>
      <c r="Q39" s="133"/>
      <c r="R39" s="145"/>
      <c r="S39" s="415"/>
      <c r="T39" s="416"/>
      <c r="U39" s="296" t="s">
        <v>143</v>
      </c>
      <c r="V39" s="297"/>
      <c r="W39" s="298"/>
      <c r="X39" s="107" t="s">
        <v>124</v>
      </c>
      <c r="Y39" s="107"/>
      <c r="Z39" s="107"/>
      <c r="AA39" s="82"/>
      <c r="AB39" s="82"/>
      <c r="AC39" s="82"/>
      <c r="AD39" s="82"/>
      <c r="AE39" s="82"/>
      <c r="AF39" s="82"/>
      <c r="AG39" s="82"/>
      <c r="AH39" s="24"/>
      <c r="AI39" s="107"/>
      <c r="AJ39" s="83"/>
    </row>
    <row r="40" spans="1:37" ht="18" customHeight="1" x14ac:dyDescent="0.2">
      <c r="A40" s="396"/>
      <c r="B40" s="390" t="s">
        <v>67</v>
      </c>
      <c r="C40" s="391"/>
      <c r="D40" s="48" t="s">
        <v>66</v>
      </c>
      <c r="E40" s="48"/>
      <c r="F40" s="48"/>
      <c r="G40" s="48"/>
      <c r="H40" s="48"/>
      <c r="I40" s="48"/>
      <c r="J40" s="48"/>
      <c r="K40" s="48"/>
      <c r="L40" s="48"/>
      <c r="M40" s="48"/>
      <c r="N40" s="48"/>
      <c r="O40" s="146" t="s">
        <v>70</v>
      </c>
      <c r="P40" s="119" t="s">
        <v>77</v>
      </c>
      <c r="Q40" s="119"/>
      <c r="R40" s="119"/>
      <c r="S40" s="415"/>
      <c r="T40" s="416"/>
      <c r="U40" s="302"/>
      <c r="V40" s="303"/>
      <c r="W40" s="304"/>
      <c r="X40" s="84" t="s">
        <v>125</v>
      </c>
      <c r="Y40" s="84"/>
      <c r="Z40" s="84"/>
      <c r="AA40" s="64"/>
      <c r="AB40" s="64"/>
      <c r="AC40" s="64"/>
      <c r="AD40" s="64"/>
      <c r="AE40" s="136" t="s">
        <v>88</v>
      </c>
      <c r="AF40" s="136"/>
      <c r="AG40" s="147"/>
      <c r="AH40" s="71"/>
      <c r="AI40" s="64"/>
      <c r="AJ40" s="85" t="s">
        <v>123</v>
      </c>
    </row>
    <row r="41" spans="1:37" ht="18" customHeight="1" x14ac:dyDescent="0.2">
      <c r="A41" s="392" t="s">
        <v>111</v>
      </c>
      <c r="B41" s="393"/>
      <c r="C41" s="393"/>
      <c r="D41" s="426" t="s">
        <v>102</v>
      </c>
      <c r="E41" s="427"/>
      <c r="F41" s="427"/>
      <c r="G41" s="427"/>
      <c r="H41" s="427"/>
      <c r="I41" s="428"/>
      <c r="J41" s="403" t="s">
        <v>138</v>
      </c>
      <c r="K41" s="400"/>
      <c r="L41" s="423" t="s">
        <v>137</v>
      </c>
      <c r="M41" s="424"/>
      <c r="N41" s="424"/>
      <c r="O41" s="424"/>
      <c r="P41" s="424"/>
      <c r="Q41" s="424"/>
      <c r="R41" s="425"/>
      <c r="S41" s="415"/>
      <c r="T41" s="416"/>
      <c r="U41" s="296" t="s">
        <v>144</v>
      </c>
      <c r="V41" s="297"/>
      <c r="W41" s="298"/>
      <c r="X41" s="462" t="s">
        <v>126</v>
      </c>
      <c r="Y41" s="463"/>
      <c r="Z41" s="463"/>
      <c r="AA41" s="463"/>
      <c r="AB41" s="463"/>
      <c r="AC41" s="463"/>
      <c r="AD41" s="463"/>
      <c r="AE41" s="463"/>
      <c r="AF41" s="463"/>
      <c r="AG41" s="463"/>
      <c r="AH41" s="463"/>
      <c r="AI41" s="463"/>
      <c r="AJ41" s="464"/>
    </row>
    <row r="42" spans="1:37" ht="18" customHeight="1" x14ac:dyDescent="0.2">
      <c r="A42" s="377" t="s">
        <v>68</v>
      </c>
      <c r="B42" s="378"/>
      <c r="C42" s="378"/>
      <c r="D42" s="100" t="s">
        <v>151</v>
      </c>
      <c r="E42" s="96"/>
      <c r="F42" s="94"/>
      <c r="G42" s="94"/>
      <c r="H42" s="94"/>
      <c r="I42" s="101"/>
      <c r="J42" s="101"/>
      <c r="K42" s="101"/>
      <c r="L42" s="101"/>
      <c r="M42" s="101"/>
      <c r="N42" s="101"/>
      <c r="O42" s="101"/>
      <c r="P42" s="101"/>
      <c r="Q42" s="101"/>
      <c r="R42" s="102" t="s">
        <v>123</v>
      </c>
      <c r="S42" s="417"/>
      <c r="T42" s="418"/>
      <c r="U42" s="299"/>
      <c r="V42" s="300"/>
      <c r="W42" s="301"/>
      <c r="X42" s="32" t="s">
        <v>162</v>
      </c>
      <c r="Y42" s="32"/>
      <c r="Z42" s="32"/>
      <c r="AA42" s="32"/>
      <c r="AB42" s="32"/>
      <c r="AC42" s="32"/>
      <c r="AD42" s="32"/>
      <c r="AE42" s="32"/>
      <c r="AF42" s="117"/>
      <c r="AG42" s="117"/>
      <c r="AH42" s="32"/>
      <c r="AI42" s="48"/>
      <c r="AJ42" s="55" t="s">
        <v>123</v>
      </c>
    </row>
    <row r="43" spans="1:37" ht="18" customHeight="1" x14ac:dyDescent="0.2">
      <c r="A43" s="408" t="s">
        <v>69</v>
      </c>
      <c r="B43" s="389"/>
      <c r="C43" s="389"/>
      <c r="D43" s="97" t="s">
        <v>151</v>
      </c>
      <c r="E43" s="98"/>
      <c r="F43" s="95"/>
      <c r="G43" s="95"/>
      <c r="H43" s="95"/>
      <c r="I43" s="99"/>
      <c r="J43" s="99"/>
      <c r="K43" s="99"/>
      <c r="L43" s="99"/>
      <c r="M43" s="99"/>
      <c r="N43" s="99"/>
      <c r="O43" s="99"/>
      <c r="P43" s="99"/>
      <c r="Q43" s="99"/>
      <c r="R43" s="103" t="s">
        <v>123</v>
      </c>
      <c r="S43" s="409" t="s">
        <v>79</v>
      </c>
      <c r="T43" s="378"/>
      <c r="U43" s="378"/>
      <c r="V43" s="148" t="s">
        <v>127</v>
      </c>
      <c r="W43" s="141"/>
      <c r="X43" s="141"/>
      <c r="Y43" s="141"/>
      <c r="Z43" s="141"/>
      <c r="AA43" s="141"/>
      <c r="AB43" s="141"/>
      <c r="AC43" s="141"/>
      <c r="AD43" s="141"/>
      <c r="AE43" s="141" t="s">
        <v>128</v>
      </c>
      <c r="AF43" s="141"/>
      <c r="AG43" s="149" t="s">
        <v>70</v>
      </c>
      <c r="AH43" s="141" t="s">
        <v>78</v>
      </c>
      <c r="AI43" s="141"/>
      <c r="AJ43" s="150"/>
    </row>
    <row r="44" spans="1:37" ht="18" customHeight="1" x14ac:dyDescent="0.2">
      <c r="A44" s="476" t="s">
        <v>81</v>
      </c>
      <c r="B44" s="477"/>
      <c r="C44" s="477"/>
      <c r="D44" s="477"/>
      <c r="E44" s="130" t="s">
        <v>82</v>
      </c>
      <c r="F44" s="151"/>
      <c r="G44" s="151"/>
      <c r="H44" s="151"/>
      <c r="I44" s="151"/>
      <c r="J44" s="151"/>
      <c r="K44" s="152"/>
      <c r="L44" s="153"/>
      <c r="M44" s="153"/>
      <c r="N44" s="153"/>
      <c r="O44" s="153"/>
      <c r="P44" s="153"/>
      <c r="Q44" s="153"/>
      <c r="R44" s="154"/>
      <c r="S44" s="471" t="s">
        <v>80</v>
      </c>
      <c r="T44" s="389"/>
      <c r="U44" s="389"/>
      <c r="V44" s="459" t="s">
        <v>131</v>
      </c>
      <c r="W44" s="460"/>
      <c r="X44" s="460"/>
      <c r="Y44" s="460"/>
      <c r="Z44" s="460"/>
      <c r="AA44" s="460"/>
      <c r="AB44" s="460"/>
      <c r="AC44" s="460"/>
      <c r="AD44" s="460"/>
      <c r="AE44" s="460"/>
      <c r="AF44" s="460"/>
      <c r="AG44" s="460"/>
      <c r="AH44" s="460"/>
      <c r="AI44" s="460"/>
      <c r="AJ44" s="461"/>
    </row>
    <row r="45" spans="1:37" ht="18" customHeight="1" x14ac:dyDescent="0.2">
      <c r="A45" s="472" t="s">
        <v>149</v>
      </c>
      <c r="B45" s="448"/>
      <c r="C45" s="448"/>
      <c r="D45" s="441"/>
      <c r="E45" s="441"/>
      <c r="F45" s="441"/>
      <c r="G45" s="441"/>
      <c r="H45" s="441"/>
      <c r="I45" s="441"/>
      <c r="J45" s="441"/>
      <c r="K45" s="441"/>
      <c r="L45" s="441"/>
      <c r="M45" s="441"/>
      <c r="N45" s="441"/>
      <c r="O45" s="441"/>
      <c r="P45" s="441"/>
      <c r="Q45" s="441"/>
      <c r="R45" s="442"/>
      <c r="S45" s="447" t="s">
        <v>150</v>
      </c>
      <c r="T45" s="448"/>
      <c r="U45" s="448"/>
      <c r="V45" s="453"/>
      <c r="W45" s="453"/>
      <c r="X45" s="453"/>
      <c r="Y45" s="453"/>
      <c r="Z45" s="453"/>
      <c r="AA45" s="453"/>
      <c r="AB45" s="453"/>
      <c r="AC45" s="453"/>
      <c r="AD45" s="453"/>
      <c r="AE45" s="453"/>
      <c r="AF45" s="453"/>
      <c r="AG45" s="453"/>
      <c r="AH45" s="453"/>
      <c r="AI45" s="453"/>
      <c r="AJ45" s="454"/>
      <c r="AK45" s="40"/>
    </row>
    <row r="46" spans="1:37" ht="18" customHeight="1" x14ac:dyDescent="0.2">
      <c r="A46" s="473"/>
      <c r="B46" s="450"/>
      <c r="C46" s="450"/>
      <c r="D46" s="443"/>
      <c r="E46" s="443"/>
      <c r="F46" s="443"/>
      <c r="G46" s="443"/>
      <c r="H46" s="443"/>
      <c r="I46" s="443"/>
      <c r="J46" s="443"/>
      <c r="K46" s="443"/>
      <c r="L46" s="443"/>
      <c r="M46" s="443"/>
      <c r="N46" s="443"/>
      <c r="O46" s="443"/>
      <c r="P46" s="443"/>
      <c r="Q46" s="443"/>
      <c r="R46" s="444"/>
      <c r="S46" s="449"/>
      <c r="T46" s="450"/>
      <c r="U46" s="450"/>
      <c r="V46" s="455"/>
      <c r="W46" s="455"/>
      <c r="X46" s="455"/>
      <c r="Y46" s="455"/>
      <c r="Z46" s="455"/>
      <c r="AA46" s="455"/>
      <c r="AB46" s="455"/>
      <c r="AC46" s="455"/>
      <c r="AD46" s="455"/>
      <c r="AE46" s="455"/>
      <c r="AF46" s="455"/>
      <c r="AG46" s="455"/>
      <c r="AH46" s="455"/>
      <c r="AI46" s="455"/>
      <c r="AJ46" s="456"/>
      <c r="AK46" s="40"/>
    </row>
    <row r="47" spans="1:37" ht="18" customHeight="1" x14ac:dyDescent="0.2">
      <c r="A47" s="474"/>
      <c r="B47" s="452"/>
      <c r="C47" s="452"/>
      <c r="D47" s="445"/>
      <c r="E47" s="445"/>
      <c r="F47" s="445"/>
      <c r="G47" s="445"/>
      <c r="H47" s="445"/>
      <c r="I47" s="445"/>
      <c r="J47" s="445"/>
      <c r="K47" s="445"/>
      <c r="L47" s="445"/>
      <c r="M47" s="445"/>
      <c r="N47" s="445"/>
      <c r="O47" s="445"/>
      <c r="P47" s="445"/>
      <c r="Q47" s="445"/>
      <c r="R47" s="446"/>
      <c r="S47" s="451"/>
      <c r="T47" s="452"/>
      <c r="U47" s="452"/>
      <c r="V47" s="457"/>
      <c r="W47" s="457"/>
      <c r="X47" s="457"/>
      <c r="Y47" s="457"/>
      <c r="Z47" s="457"/>
      <c r="AA47" s="457"/>
      <c r="AB47" s="457"/>
      <c r="AC47" s="457"/>
      <c r="AD47" s="457"/>
      <c r="AE47" s="457"/>
      <c r="AF47" s="457"/>
      <c r="AG47" s="457"/>
      <c r="AH47" s="457"/>
      <c r="AI47" s="457"/>
      <c r="AJ47" s="458"/>
      <c r="AK47" s="28"/>
    </row>
    <row r="48" spans="1:37" ht="18" customHeight="1" x14ac:dyDescent="0.2">
      <c r="A48" s="435" t="s">
        <v>89</v>
      </c>
      <c r="B48" s="436"/>
      <c r="C48" s="437"/>
      <c r="D48" s="50" t="s">
        <v>129</v>
      </c>
      <c r="E48" s="56"/>
      <c r="F48" s="56"/>
      <c r="G48" s="56"/>
      <c r="H48" s="56"/>
      <c r="I48" s="56"/>
      <c r="J48" s="56"/>
      <c r="K48" s="56"/>
      <c r="L48" s="56"/>
      <c r="M48" s="56"/>
      <c r="N48" s="22"/>
      <c r="O48" s="56"/>
      <c r="P48" s="56"/>
      <c r="Q48" s="56"/>
      <c r="R48" s="56"/>
      <c r="S48" s="56"/>
      <c r="T48" s="56"/>
      <c r="U48" s="22"/>
      <c r="V48" s="56"/>
      <c r="W48" s="56"/>
      <c r="X48" s="56"/>
      <c r="Y48" s="56"/>
      <c r="Z48" s="56"/>
      <c r="AA48" s="22"/>
      <c r="AB48" s="56"/>
      <c r="AC48" s="56"/>
      <c r="AD48" s="56"/>
      <c r="AE48" s="56"/>
      <c r="AF48" s="56"/>
      <c r="AG48" s="56"/>
      <c r="AH48" s="50"/>
      <c r="AI48" s="50"/>
      <c r="AJ48" s="37"/>
      <c r="AK48" s="40"/>
    </row>
    <row r="49" spans="1:50" ht="18" customHeight="1" x14ac:dyDescent="0.2">
      <c r="A49" s="438"/>
      <c r="B49" s="439"/>
      <c r="C49" s="440"/>
      <c r="D49" s="48" t="s">
        <v>130</v>
      </c>
      <c r="E49" s="31"/>
      <c r="F49" s="31"/>
      <c r="G49" s="31"/>
      <c r="H49" s="31"/>
      <c r="I49" s="32"/>
      <c r="J49" s="31"/>
      <c r="K49" s="31"/>
      <c r="L49" s="31"/>
      <c r="M49" s="31"/>
      <c r="N49" s="32"/>
      <c r="O49" s="31"/>
      <c r="P49" s="31"/>
      <c r="Q49" s="31"/>
      <c r="R49" s="31"/>
      <c r="S49" s="32"/>
      <c r="T49" s="31"/>
      <c r="U49" s="31"/>
      <c r="V49" s="31"/>
      <c r="W49" s="31"/>
      <c r="X49" s="32"/>
      <c r="Y49" s="31"/>
      <c r="Z49" s="31"/>
      <c r="AA49" s="31"/>
      <c r="AB49" s="31"/>
      <c r="AC49" s="32"/>
      <c r="AD49" s="31"/>
      <c r="AE49" s="31"/>
      <c r="AF49" s="31"/>
      <c r="AG49" s="32"/>
      <c r="AH49" s="31"/>
      <c r="AI49" s="31"/>
      <c r="AJ49" s="38"/>
      <c r="AK49" s="40"/>
    </row>
    <row r="50" spans="1:50" ht="18" customHeight="1" x14ac:dyDescent="0.2">
      <c r="A50" s="343" t="s">
        <v>154</v>
      </c>
      <c r="B50" s="344"/>
      <c r="C50" s="345"/>
      <c r="D50" s="155" t="s">
        <v>155</v>
      </c>
      <c r="E50" s="156"/>
      <c r="F50" s="156"/>
      <c r="G50" s="156"/>
      <c r="H50" s="156"/>
      <c r="I50" s="156"/>
      <c r="J50" s="108"/>
      <c r="K50" s="108"/>
      <c r="L50" s="108"/>
      <c r="M50" s="108"/>
      <c r="N50" s="108"/>
      <c r="O50" s="108"/>
      <c r="P50" s="108"/>
      <c r="Q50" s="108"/>
      <c r="R50" s="108"/>
      <c r="S50" s="108"/>
      <c r="T50" s="108"/>
      <c r="U50" s="108"/>
      <c r="V50" s="108"/>
      <c r="W50" s="108"/>
      <c r="X50" s="108"/>
      <c r="Y50" s="108"/>
      <c r="Z50" s="108"/>
      <c r="AA50" s="108"/>
      <c r="AB50" s="108"/>
      <c r="AC50" s="108"/>
      <c r="AD50" s="108"/>
      <c r="AE50" s="108"/>
      <c r="AF50" s="108"/>
      <c r="AG50" s="108"/>
      <c r="AH50" s="108"/>
      <c r="AI50" s="108"/>
      <c r="AJ50" s="109" t="s">
        <v>86</v>
      </c>
      <c r="AK50" s="107"/>
      <c r="AL50" s="33"/>
      <c r="AM50" s="33"/>
      <c r="AN50" s="33"/>
      <c r="AO50" s="33"/>
      <c r="AP50" s="33"/>
      <c r="AQ50" s="33"/>
      <c r="AR50" s="33"/>
      <c r="AS50" s="33"/>
      <c r="AT50" s="33"/>
      <c r="AU50" s="33"/>
      <c r="AV50" s="33"/>
      <c r="AW50" s="33"/>
      <c r="AX50" s="33"/>
    </row>
    <row r="51" spans="1:50" ht="12" customHeight="1" x14ac:dyDescent="0.2">
      <c r="A51" s="39" t="s">
        <v>90</v>
      </c>
      <c r="B51" s="107"/>
      <c r="C51" s="107"/>
      <c r="D51" s="107"/>
      <c r="E51" s="107"/>
      <c r="F51" s="107"/>
      <c r="G51" s="107"/>
      <c r="H51" s="107"/>
      <c r="I51" s="107"/>
      <c r="J51" s="107"/>
      <c r="K51" s="107"/>
      <c r="L51" s="107"/>
      <c r="M51" s="107"/>
      <c r="N51" s="107"/>
      <c r="O51" s="107"/>
      <c r="P51" s="107"/>
      <c r="Q51" s="107"/>
      <c r="R51" s="107"/>
      <c r="S51" s="107"/>
      <c r="T51" s="107"/>
      <c r="U51" s="107"/>
      <c r="V51" s="107"/>
      <c r="W51" s="107"/>
      <c r="X51" s="107"/>
      <c r="Y51" s="107"/>
      <c r="Z51" s="107"/>
      <c r="AA51" s="107"/>
      <c r="AB51" s="107"/>
      <c r="AC51" s="107"/>
      <c r="AD51" s="107"/>
      <c r="AE51" s="107"/>
      <c r="AF51" s="107"/>
      <c r="AG51" s="107"/>
      <c r="AH51" s="107"/>
      <c r="AI51" s="107"/>
      <c r="AJ51" s="52"/>
    </row>
    <row r="52" spans="1:50" ht="16.5" customHeight="1" x14ac:dyDescent="0.2">
      <c r="A52" s="429"/>
      <c r="B52" s="430"/>
      <c r="C52" s="430"/>
      <c r="D52" s="430"/>
      <c r="E52" s="430"/>
      <c r="F52" s="430"/>
      <c r="G52" s="430"/>
      <c r="H52" s="430"/>
      <c r="I52" s="430"/>
      <c r="J52" s="430"/>
      <c r="K52" s="430"/>
      <c r="L52" s="430"/>
      <c r="M52" s="430"/>
      <c r="N52" s="430"/>
      <c r="O52" s="430"/>
      <c r="P52" s="430"/>
      <c r="Q52" s="430"/>
      <c r="R52" s="430"/>
      <c r="S52" s="430"/>
      <c r="T52" s="430"/>
      <c r="U52" s="430"/>
      <c r="V52" s="430"/>
      <c r="W52" s="430"/>
      <c r="X52" s="430"/>
      <c r="Y52" s="430"/>
      <c r="Z52" s="430"/>
      <c r="AA52" s="430"/>
      <c r="AB52" s="430"/>
      <c r="AC52" s="430"/>
      <c r="AD52" s="430"/>
      <c r="AE52" s="430"/>
      <c r="AF52" s="430"/>
      <c r="AG52" s="430"/>
      <c r="AH52" s="430"/>
      <c r="AI52" s="430"/>
      <c r="AJ52" s="431"/>
    </row>
    <row r="53" spans="1:50" ht="10.5" customHeight="1" thickBot="1" x14ac:dyDescent="0.25">
      <c r="A53" s="432"/>
      <c r="B53" s="433"/>
      <c r="C53" s="433"/>
      <c r="D53" s="433"/>
      <c r="E53" s="433"/>
      <c r="F53" s="433"/>
      <c r="G53" s="433"/>
      <c r="H53" s="433"/>
      <c r="I53" s="433"/>
      <c r="J53" s="433"/>
      <c r="K53" s="433"/>
      <c r="L53" s="433"/>
      <c r="M53" s="433"/>
      <c r="N53" s="433"/>
      <c r="O53" s="433"/>
      <c r="P53" s="433"/>
      <c r="Q53" s="433"/>
      <c r="R53" s="433"/>
      <c r="S53" s="433"/>
      <c r="T53" s="433"/>
      <c r="U53" s="433"/>
      <c r="V53" s="433"/>
      <c r="W53" s="433"/>
      <c r="X53" s="433"/>
      <c r="Y53" s="433"/>
      <c r="Z53" s="433"/>
      <c r="AA53" s="433"/>
      <c r="AB53" s="433"/>
      <c r="AC53" s="433"/>
      <c r="AD53" s="433"/>
      <c r="AE53" s="433"/>
      <c r="AF53" s="433"/>
      <c r="AG53" s="433"/>
      <c r="AH53" s="433"/>
      <c r="AI53" s="433"/>
      <c r="AJ53" s="434"/>
    </row>
    <row r="54" spans="1:50" ht="20" customHeight="1" x14ac:dyDescent="0.2"/>
    <row r="55" spans="1:50" ht="18" customHeight="1" x14ac:dyDescent="0.2"/>
    <row r="59" spans="1:50" ht="17.25" customHeight="1" x14ac:dyDescent="0.2">
      <c r="AK59" s="26"/>
    </row>
    <row r="60" spans="1:50" ht="17.25" customHeight="1" x14ac:dyDescent="0.2">
      <c r="AM60" s="26"/>
    </row>
    <row r="65" spans="38:38" ht="17.25" customHeight="1" x14ac:dyDescent="0.2">
      <c r="AL65" s="34"/>
    </row>
  </sheetData>
  <dataConsolidate/>
  <mergeCells count="129">
    <mergeCell ref="A52:AJ53"/>
    <mergeCell ref="A48:C49"/>
    <mergeCell ref="D45:R47"/>
    <mergeCell ref="S45:U47"/>
    <mergeCell ref="V45:AJ47"/>
    <mergeCell ref="AC31:AD31"/>
    <mergeCell ref="AC30:AD30"/>
    <mergeCell ref="V44:AJ44"/>
    <mergeCell ref="X41:AJ41"/>
    <mergeCell ref="W31:AB31"/>
    <mergeCell ref="W30:AB30"/>
    <mergeCell ref="AE31:AJ31"/>
    <mergeCell ref="AE30:AJ30"/>
    <mergeCell ref="A50:C50"/>
    <mergeCell ref="B35:C35"/>
    <mergeCell ref="B38:D38"/>
    <mergeCell ref="S44:U44"/>
    <mergeCell ref="A45:C47"/>
    <mergeCell ref="B36:C36"/>
    <mergeCell ref="J37:K37"/>
    <mergeCell ref="J41:K41"/>
    <mergeCell ref="U38:W38"/>
    <mergeCell ref="U37:X37"/>
    <mergeCell ref="A44:D44"/>
    <mergeCell ref="U31:V31"/>
    <mergeCell ref="U30:V30"/>
    <mergeCell ref="U29:V29"/>
    <mergeCell ref="A43:C43"/>
    <mergeCell ref="S43:U43"/>
    <mergeCell ref="M30:N30"/>
    <mergeCell ref="K36:L36"/>
    <mergeCell ref="T32:T33"/>
    <mergeCell ref="S36:T42"/>
    <mergeCell ref="K33:L33"/>
    <mergeCell ref="L32:M32"/>
    <mergeCell ref="D31:E31"/>
    <mergeCell ref="D30:E30"/>
    <mergeCell ref="N29:O29"/>
    <mergeCell ref="M33:R33"/>
    <mergeCell ref="L41:R41"/>
    <mergeCell ref="D41:I41"/>
    <mergeCell ref="M36:R36"/>
    <mergeCell ref="AE29:AJ29"/>
    <mergeCell ref="A42:C42"/>
    <mergeCell ref="B30:C31"/>
    <mergeCell ref="B34:C34"/>
    <mergeCell ref="S34:T34"/>
    <mergeCell ref="B33:C33"/>
    <mergeCell ref="A29:A32"/>
    <mergeCell ref="B29:C29"/>
    <mergeCell ref="S29:S33"/>
    <mergeCell ref="T29:T31"/>
    <mergeCell ref="B32:C32"/>
    <mergeCell ref="B40:C40"/>
    <mergeCell ref="A41:C41"/>
    <mergeCell ref="A37:A40"/>
    <mergeCell ref="B37:C37"/>
    <mergeCell ref="B39:C39"/>
    <mergeCell ref="A33:A35"/>
    <mergeCell ref="AB34:AC34"/>
    <mergeCell ref="AC29:AD29"/>
    <mergeCell ref="W29:AB29"/>
    <mergeCell ref="Z35:AB35"/>
    <mergeCell ref="W32:AB32"/>
    <mergeCell ref="U33:V33"/>
    <mergeCell ref="U32:V32"/>
    <mergeCell ref="AF8:AG8"/>
    <mergeCell ref="P22:Q22"/>
    <mergeCell ref="AF6:AG6"/>
    <mergeCell ref="P21:Q21"/>
    <mergeCell ref="S35:T35"/>
    <mergeCell ref="A9:E9"/>
    <mergeCell ref="F9:K10"/>
    <mergeCell ref="M9:N9"/>
    <mergeCell ref="W9:W10"/>
    <mergeCell ref="X9:AJ10"/>
    <mergeCell ref="A10:E10"/>
    <mergeCell ref="M10:N10"/>
    <mergeCell ref="A11:E13"/>
    <mergeCell ref="G11:J11"/>
    <mergeCell ref="O11:R11"/>
    <mergeCell ref="W11:W12"/>
    <mergeCell ref="X11:AJ12"/>
    <mergeCell ref="H12:N12"/>
    <mergeCell ref="Q12:V12"/>
    <mergeCell ref="G13:N13"/>
    <mergeCell ref="P13:V13"/>
    <mergeCell ref="W13:W20"/>
    <mergeCell ref="A14:E14"/>
    <mergeCell ref="A15:E15"/>
    <mergeCell ref="AC8:AD8"/>
    <mergeCell ref="W21:W26"/>
    <mergeCell ref="X6:Y6"/>
    <mergeCell ref="Z6:AA6"/>
    <mergeCell ref="AC6:AD6"/>
    <mergeCell ref="F14:N14"/>
    <mergeCell ref="A16:E16"/>
    <mergeCell ref="F16:N16"/>
    <mergeCell ref="A17:E17"/>
    <mergeCell ref="B18:B20"/>
    <mergeCell ref="A18:A20"/>
    <mergeCell ref="A21:E22"/>
    <mergeCell ref="A23:E24"/>
    <mergeCell ref="A25:E25"/>
    <mergeCell ref="A26:E26"/>
    <mergeCell ref="N1:W1"/>
    <mergeCell ref="U36:V36"/>
    <mergeCell ref="U41:W42"/>
    <mergeCell ref="U39:W40"/>
    <mergeCell ref="A3:J3"/>
    <mergeCell ref="K3:L3"/>
    <mergeCell ref="R3:T3"/>
    <mergeCell ref="U3:AJ3"/>
    <mergeCell ref="A4:J4"/>
    <mergeCell ref="K4:L4"/>
    <mergeCell ref="R4:T4"/>
    <mergeCell ref="U4:Z4"/>
    <mergeCell ref="AA4:AC4"/>
    <mergeCell ref="AD4:AJ4"/>
    <mergeCell ref="R5:T5"/>
    <mergeCell ref="U5:Z5"/>
    <mergeCell ref="AA5:AC5"/>
    <mergeCell ref="AD5:AJ5"/>
    <mergeCell ref="C8:D8"/>
    <mergeCell ref="E8:F8"/>
    <mergeCell ref="H8:I8"/>
    <mergeCell ref="K8:L8"/>
    <mergeCell ref="X8:Y8"/>
    <mergeCell ref="Z8:AA8"/>
  </mergeCells>
  <phoneticPr fontId="2"/>
  <printOptions horizontalCentered="1" verticalCentered="1"/>
  <pageMargins left="0.11811023622047245" right="0" top="7.874015748031496E-2" bottom="3.937007874015748E-2" header="0.51181102362204722" footer="0.31496062992125984"/>
  <pageSetup paperSize="9" scale="97" orientation="portrait" r:id="rId1"/>
  <headerFooter>
    <oddFooter>&amp;L&amp;"MS UI Gothic,標準"&amp;12&amp;Y　　※基本情報は、利用者本人及び家族の同意に基づき提供しています。</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Z68"/>
  <sheetViews>
    <sheetView view="pageBreakPreview" zoomScaleNormal="100" zoomScaleSheetLayoutView="100" workbookViewId="0"/>
  </sheetViews>
  <sheetFormatPr defaultColWidth="2.90625" defaultRowHeight="17.25" customHeight="1" x14ac:dyDescent="0.2"/>
  <cols>
    <col min="1" max="14" width="2.90625" style="2"/>
    <col min="15" max="15" width="2.90625" style="2" customWidth="1"/>
    <col min="16" max="16" width="2.90625" style="2"/>
    <col min="17" max="17" width="2.90625" style="2" customWidth="1"/>
    <col min="18" max="18" width="2.90625" style="2"/>
    <col min="19" max="19" width="2.90625" style="2" customWidth="1"/>
    <col min="20" max="35" width="2.90625" style="2"/>
    <col min="36" max="36" width="2.90625" style="2" customWidth="1"/>
    <col min="37" max="16384" width="2.90625" style="2"/>
  </cols>
  <sheetData>
    <row r="1" spans="1:44" ht="17.25" customHeight="1" x14ac:dyDescent="0.2">
      <c r="A1" s="168"/>
      <c r="B1" s="107"/>
      <c r="C1" s="107"/>
      <c r="D1" s="107"/>
      <c r="E1" s="107"/>
      <c r="F1" s="106"/>
      <c r="G1" s="106"/>
      <c r="H1" s="106"/>
      <c r="I1" s="106"/>
      <c r="J1" s="106"/>
      <c r="K1" s="106"/>
      <c r="L1" s="106"/>
      <c r="M1" s="106"/>
      <c r="N1" s="663" t="s">
        <v>0</v>
      </c>
      <c r="O1" s="663"/>
      <c r="P1" s="663"/>
      <c r="Q1" s="663"/>
      <c r="R1" s="663"/>
      <c r="S1" s="663"/>
      <c r="T1" s="663"/>
      <c r="U1" s="663"/>
      <c r="V1" s="663"/>
      <c r="W1" s="663"/>
      <c r="X1" s="106"/>
      <c r="Y1" s="106"/>
      <c r="Z1" s="106"/>
      <c r="AA1" s="107"/>
      <c r="AB1" s="107"/>
      <c r="AC1" s="107"/>
      <c r="AD1" s="107"/>
      <c r="AE1" s="107"/>
      <c r="AF1" s="107"/>
      <c r="AG1" s="107"/>
      <c r="AH1" s="107"/>
      <c r="AI1" s="107"/>
      <c r="AJ1" s="107"/>
    </row>
    <row r="2" spans="1:44" ht="8.25" customHeight="1" thickBot="1" x14ac:dyDescent="0.25">
      <c r="A2" s="1"/>
      <c r="F2" s="3"/>
      <c r="G2" s="3"/>
      <c r="H2" s="3"/>
      <c r="I2" s="3"/>
      <c r="J2" s="3"/>
      <c r="K2" s="3"/>
      <c r="L2" s="3"/>
      <c r="M2" s="3"/>
      <c r="N2" s="3"/>
      <c r="O2" s="3"/>
      <c r="P2" s="3"/>
      <c r="Q2" s="3"/>
      <c r="R2" s="3"/>
      <c r="S2" s="3"/>
      <c r="T2" s="3"/>
      <c r="U2" s="3"/>
      <c r="V2" s="3"/>
      <c r="W2" s="3"/>
      <c r="X2" s="3"/>
      <c r="Y2" s="3"/>
      <c r="Z2" s="3"/>
    </row>
    <row r="3" spans="1:44" ht="17.25" customHeight="1" x14ac:dyDescent="0.2">
      <c r="A3" s="305"/>
      <c r="B3" s="305"/>
      <c r="C3" s="305"/>
      <c r="D3" s="305"/>
      <c r="E3" s="305"/>
      <c r="F3" s="305"/>
      <c r="G3" s="305"/>
      <c r="H3" s="305"/>
      <c r="I3" s="305"/>
      <c r="J3" s="305"/>
      <c r="K3" s="306" t="s">
        <v>1</v>
      </c>
      <c r="L3" s="306"/>
      <c r="R3" s="307" t="s">
        <v>2</v>
      </c>
      <c r="S3" s="308"/>
      <c r="T3" s="308"/>
      <c r="U3" s="309"/>
      <c r="V3" s="309"/>
      <c r="W3" s="309"/>
      <c r="X3" s="309"/>
      <c r="Y3" s="309"/>
      <c r="Z3" s="309"/>
      <c r="AA3" s="309"/>
      <c r="AB3" s="309"/>
      <c r="AC3" s="309"/>
      <c r="AD3" s="309"/>
      <c r="AE3" s="309"/>
      <c r="AF3" s="309"/>
      <c r="AG3" s="309"/>
      <c r="AH3" s="309"/>
      <c r="AI3" s="309"/>
      <c r="AJ3" s="310"/>
    </row>
    <row r="4" spans="1:44" ht="17.25" customHeight="1" x14ac:dyDescent="0.2">
      <c r="A4" s="305"/>
      <c r="B4" s="305"/>
      <c r="C4" s="305"/>
      <c r="D4" s="305"/>
      <c r="E4" s="305"/>
      <c r="F4" s="305"/>
      <c r="G4" s="305"/>
      <c r="H4" s="305"/>
      <c r="I4" s="305"/>
      <c r="J4" s="305"/>
      <c r="K4" s="306" t="s">
        <v>5</v>
      </c>
      <c r="L4" s="306"/>
      <c r="R4" s="313" t="s">
        <v>169</v>
      </c>
      <c r="S4" s="314"/>
      <c r="T4" s="314"/>
      <c r="U4" s="315"/>
      <c r="V4" s="315"/>
      <c r="W4" s="315"/>
      <c r="X4" s="315"/>
      <c r="Y4" s="315"/>
      <c r="Z4" s="315"/>
      <c r="AA4" s="314" t="s">
        <v>170</v>
      </c>
      <c r="AB4" s="314"/>
      <c r="AC4" s="314"/>
      <c r="AD4" s="315"/>
      <c r="AE4" s="315"/>
      <c r="AF4" s="315"/>
      <c r="AG4" s="315"/>
      <c r="AH4" s="315"/>
      <c r="AI4" s="315"/>
      <c r="AJ4" s="316"/>
    </row>
    <row r="5" spans="1:44" ht="17.25" customHeight="1" thickBot="1" x14ac:dyDescent="0.25">
      <c r="A5" s="107" t="s">
        <v>71</v>
      </c>
      <c r="B5" s="107"/>
      <c r="C5" s="107"/>
      <c r="D5" s="107"/>
      <c r="E5" s="107"/>
      <c r="F5" s="107"/>
      <c r="G5" s="107"/>
      <c r="H5" s="107"/>
      <c r="I5" s="107"/>
      <c r="J5" s="107"/>
      <c r="K5" s="107"/>
      <c r="L5" s="107"/>
      <c r="M5" s="107"/>
      <c r="R5" s="317" t="s">
        <v>6</v>
      </c>
      <c r="S5" s="318"/>
      <c r="T5" s="318"/>
      <c r="U5" s="319"/>
      <c r="V5" s="319"/>
      <c r="W5" s="319"/>
      <c r="X5" s="319"/>
      <c r="Y5" s="319"/>
      <c r="Z5" s="319"/>
      <c r="AA5" s="318" t="s">
        <v>7</v>
      </c>
      <c r="AB5" s="318"/>
      <c r="AC5" s="318"/>
      <c r="AD5" s="319"/>
      <c r="AE5" s="319"/>
      <c r="AF5" s="319"/>
      <c r="AG5" s="319"/>
      <c r="AH5" s="319"/>
      <c r="AI5" s="319"/>
      <c r="AJ5" s="320"/>
    </row>
    <row r="6" spans="1:44" ht="17.25" customHeight="1" x14ac:dyDescent="0.2">
      <c r="A6" s="2" t="s">
        <v>72</v>
      </c>
      <c r="B6" s="107"/>
      <c r="C6" s="107"/>
      <c r="D6" s="107"/>
      <c r="E6" s="107"/>
      <c r="F6" s="107"/>
      <c r="G6" s="107"/>
      <c r="H6" s="107"/>
      <c r="I6" s="107"/>
      <c r="J6" s="107"/>
      <c r="K6" s="9"/>
      <c r="L6" s="9"/>
      <c r="M6" s="107"/>
      <c r="R6" s="107"/>
      <c r="S6" s="107"/>
      <c r="T6" s="107"/>
      <c r="U6" s="51" t="s">
        <v>152</v>
      </c>
      <c r="V6" s="51"/>
      <c r="W6" s="51"/>
      <c r="X6" s="650" t="s">
        <v>75</v>
      </c>
      <c r="Y6" s="650"/>
      <c r="Z6" s="662"/>
      <c r="AA6" s="662"/>
      <c r="AB6" s="51" t="s">
        <v>9</v>
      </c>
      <c r="AC6" s="662"/>
      <c r="AD6" s="662"/>
      <c r="AE6" s="51" t="s">
        <v>10</v>
      </c>
      <c r="AF6" s="662"/>
      <c r="AG6" s="662"/>
      <c r="AH6" s="51" t="s">
        <v>11</v>
      </c>
      <c r="AI6" s="107"/>
      <c r="AJ6" s="107"/>
    </row>
    <row r="7" spans="1:44" ht="6" customHeight="1" x14ac:dyDescent="0.2">
      <c r="A7" s="107"/>
      <c r="B7" s="107"/>
      <c r="C7" s="107"/>
      <c r="D7" s="107"/>
      <c r="E7" s="107"/>
      <c r="F7" s="107"/>
      <c r="G7" s="107"/>
      <c r="H7" s="107"/>
      <c r="I7" s="107"/>
      <c r="J7" s="107"/>
      <c r="K7" s="107"/>
      <c r="L7" s="107"/>
      <c r="R7" s="107"/>
      <c r="S7" s="107"/>
      <c r="T7" s="107"/>
      <c r="U7" s="107"/>
      <c r="V7" s="107"/>
      <c r="W7" s="107"/>
      <c r="X7" s="107"/>
      <c r="Y7" s="107"/>
      <c r="Z7" s="107"/>
      <c r="AA7" s="107"/>
      <c r="AB7" s="107"/>
      <c r="AC7" s="107"/>
      <c r="AD7" s="107"/>
      <c r="AE7" s="107"/>
      <c r="AF7" s="107"/>
      <c r="AG7" s="107"/>
      <c r="AH7" s="107"/>
      <c r="AI7" s="107"/>
      <c r="AJ7" s="107"/>
    </row>
    <row r="8" spans="1:44" ht="17.25" customHeight="1" thickBot="1" x14ac:dyDescent="0.25">
      <c r="A8" s="2" t="s">
        <v>8</v>
      </c>
      <c r="C8" s="321" t="s">
        <v>75</v>
      </c>
      <c r="D8" s="321"/>
      <c r="E8" s="322"/>
      <c r="F8" s="322"/>
      <c r="G8" s="2" t="s">
        <v>9</v>
      </c>
      <c r="H8" s="322"/>
      <c r="I8" s="322"/>
      <c r="J8" s="2" t="s">
        <v>10</v>
      </c>
      <c r="K8" s="322"/>
      <c r="L8" s="322"/>
      <c r="M8" s="2" t="s">
        <v>11</v>
      </c>
      <c r="U8" s="2" t="s">
        <v>12</v>
      </c>
      <c r="X8" s="321" t="s">
        <v>75</v>
      </c>
      <c r="Y8" s="321"/>
      <c r="Z8" s="322"/>
      <c r="AA8" s="322"/>
      <c r="AB8" s="2" t="s">
        <v>9</v>
      </c>
      <c r="AC8" s="322"/>
      <c r="AD8" s="322"/>
      <c r="AE8" s="2" t="s">
        <v>10</v>
      </c>
      <c r="AF8" s="322"/>
      <c r="AG8" s="322"/>
      <c r="AH8" s="2" t="s">
        <v>11</v>
      </c>
    </row>
    <row r="9" spans="1:44" ht="17.25" customHeight="1" x14ac:dyDescent="0.2">
      <c r="A9" s="649" t="s">
        <v>171</v>
      </c>
      <c r="B9" s="650"/>
      <c r="C9" s="650"/>
      <c r="D9" s="650"/>
      <c r="E9" s="651"/>
      <c r="F9" s="652" ph="1"/>
      <c r="G9" s="652" ph="1"/>
      <c r="H9" s="652" ph="1"/>
      <c r="I9" s="652" ph="1"/>
      <c r="J9" s="652" ph="1"/>
      <c r="K9" s="652" ph="1"/>
      <c r="L9" s="51"/>
      <c r="M9" s="654" t="s">
        <v>14</v>
      </c>
      <c r="N9" s="655"/>
      <c r="O9" s="169" t="s">
        <v>172</v>
      </c>
      <c r="P9" s="6"/>
      <c r="Q9" s="6"/>
      <c r="R9" s="6"/>
      <c r="S9" s="51"/>
      <c r="T9" s="51"/>
      <c r="U9" s="51"/>
      <c r="V9" s="7"/>
      <c r="W9" s="656" t="s">
        <v>18</v>
      </c>
      <c r="X9" s="658"/>
      <c r="Y9" s="658"/>
      <c r="Z9" s="658"/>
      <c r="AA9" s="658"/>
      <c r="AB9" s="658"/>
      <c r="AC9" s="658"/>
      <c r="AD9" s="658"/>
      <c r="AE9" s="658"/>
      <c r="AF9" s="658"/>
      <c r="AG9" s="658"/>
      <c r="AH9" s="658"/>
      <c r="AI9" s="658"/>
      <c r="AJ9" s="659"/>
      <c r="AL9" s="2" t="s">
        <v>173</v>
      </c>
      <c r="AM9" s="2" t="s">
        <v>174</v>
      </c>
      <c r="AN9" s="2" t="s">
        <v>175</v>
      </c>
      <c r="AO9" s="2" t="s">
        <v>176</v>
      </c>
      <c r="AP9" s="2" t="s">
        <v>177</v>
      </c>
    </row>
    <row r="10" spans="1:44" ht="17.25" customHeight="1" x14ac:dyDescent="0.2">
      <c r="A10" s="617" t="s">
        <v>19</v>
      </c>
      <c r="B10" s="660"/>
      <c r="C10" s="660"/>
      <c r="D10" s="660"/>
      <c r="E10" s="661"/>
      <c r="F10" s="653" ph="1"/>
      <c r="G10" s="653" ph="1"/>
      <c r="H10" s="653" ph="1"/>
      <c r="I10" s="653" ph="1"/>
      <c r="J10" s="653" ph="1"/>
      <c r="K10" s="653" ph="1"/>
      <c r="L10" s="48" t="s">
        <v>5</v>
      </c>
      <c r="M10" s="346" t="s">
        <v>20</v>
      </c>
      <c r="N10" s="661"/>
      <c r="O10" s="170"/>
      <c r="P10" s="8" t="s">
        <v>9</v>
      </c>
      <c r="Q10" s="170"/>
      <c r="R10" s="8" t="s">
        <v>10</v>
      </c>
      <c r="S10" s="170"/>
      <c r="T10" s="8" t="s">
        <v>11</v>
      </c>
      <c r="U10" s="170"/>
      <c r="V10" s="8" t="s">
        <v>21</v>
      </c>
      <c r="W10" s="657"/>
      <c r="X10" s="644"/>
      <c r="Y10" s="644"/>
      <c r="Z10" s="644"/>
      <c r="AA10" s="644"/>
      <c r="AB10" s="644"/>
      <c r="AC10" s="644"/>
      <c r="AD10" s="644"/>
      <c r="AE10" s="644"/>
      <c r="AF10" s="644"/>
      <c r="AG10" s="644"/>
      <c r="AH10" s="644"/>
      <c r="AI10" s="644"/>
      <c r="AJ10" s="645"/>
      <c r="AO10" s="24"/>
      <c r="AP10" s="24"/>
      <c r="AQ10" s="24"/>
      <c r="AR10" s="24"/>
    </row>
    <row r="11" spans="1:44" ht="17.25" customHeight="1" x14ac:dyDescent="0.2">
      <c r="A11" s="615" t="s">
        <v>22</v>
      </c>
      <c r="B11" s="604"/>
      <c r="C11" s="604"/>
      <c r="D11" s="604"/>
      <c r="E11" s="637"/>
      <c r="F11" s="107" t="s">
        <v>178</v>
      </c>
      <c r="G11" s="585"/>
      <c r="H11" s="585"/>
      <c r="I11" s="585"/>
      <c r="J11" s="585"/>
      <c r="K11" s="107" t="s">
        <v>156</v>
      </c>
      <c r="L11" s="107"/>
      <c r="M11" s="171"/>
      <c r="N11" s="107" t="s">
        <v>179</v>
      </c>
      <c r="O11" s="641"/>
      <c r="P11" s="641"/>
      <c r="Q11" s="641"/>
      <c r="R11" s="641"/>
      <c r="S11" s="107" t="s">
        <v>156</v>
      </c>
      <c r="T11" s="107"/>
      <c r="U11" s="172"/>
      <c r="V11" s="107" t="s">
        <v>180</v>
      </c>
      <c r="W11" s="621" t="s">
        <v>181</v>
      </c>
      <c r="X11" s="642"/>
      <c r="Y11" s="642"/>
      <c r="Z11" s="642"/>
      <c r="AA11" s="642"/>
      <c r="AB11" s="642"/>
      <c r="AC11" s="642"/>
      <c r="AD11" s="642"/>
      <c r="AE11" s="642"/>
      <c r="AF11" s="642"/>
      <c r="AG11" s="642"/>
      <c r="AH11" s="642"/>
      <c r="AI11" s="642"/>
      <c r="AJ11" s="643"/>
    </row>
    <row r="12" spans="1:44" ht="17.25" customHeight="1" x14ac:dyDescent="0.2">
      <c r="A12" s="638"/>
      <c r="B12" s="639"/>
      <c r="C12" s="639"/>
      <c r="D12" s="639"/>
      <c r="E12" s="640"/>
      <c r="F12" s="107" t="s">
        <v>26</v>
      </c>
      <c r="G12" s="107"/>
      <c r="H12" s="488"/>
      <c r="I12" s="488"/>
      <c r="J12" s="488"/>
      <c r="K12" s="488"/>
      <c r="L12" s="488"/>
      <c r="M12" s="488"/>
      <c r="N12" s="488"/>
      <c r="O12" s="107" t="s">
        <v>26</v>
      </c>
      <c r="P12" s="107"/>
      <c r="Q12" s="488"/>
      <c r="R12" s="488"/>
      <c r="S12" s="488"/>
      <c r="T12" s="488"/>
      <c r="U12" s="488"/>
      <c r="V12" s="489"/>
      <c r="W12" s="623"/>
      <c r="X12" s="644"/>
      <c r="Y12" s="644"/>
      <c r="Z12" s="644"/>
      <c r="AA12" s="644"/>
      <c r="AB12" s="644"/>
      <c r="AC12" s="644"/>
      <c r="AD12" s="644"/>
      <c r="AE12" s="644"/>
      <c r="AF12" s="644"/>
      <c r="AG12" s="644"/>
      <c r="AH12" s="644"/>
      <c r="AI12" s="644"/>
      <c r="AJ12" s="645"/>
    </row>
    <row r="13" spans="1:44" ht="17.25" customHeight="1" x14ac:dyDescent="0.2">
      <c r="A13" s="638"/>
      <c r="B13" s="639"/>
      <c r="C13" s="639"/>
      <c r="D13" s="639"/>
      <c r="E13" s="640"/>
      <c r="F13" s="48" t="s">
        <v>182</v>
      </c>
      <c r="G13" s="548"/>
      <c r="H13" s="548"/>
      <c r="I13" s="548"/>
      <c r="J13" s="548"/>
      <c r="K13" s="548"/>
      <c r="L13" s="548"/>
      <c r="M13" s="548"/>
      <c r="N13" s="548"/>
      <c r="O13" s="48" t="s">
        <v>183</v>
      </c>
      <c r="P13" s="548"/>
      <c r="Q13" s="548"/>
      <c r="R13" s="548"/>
      <c r="S13" s="548"/>
      <c r="T13" s="548"/>
      <c r="U13" s="548"/>
      <c r="V13" s="626"/>
      <c r="W13" s="646" t="s">
        <v>28</v>
      </c>
      <c r="X13" s="9" t="s">
        <v>29</v>
      </c>
      <c r="Y13" s="9"/>
      <c r="Z13" s="9"/>
      <c r="AA13" s="9"/>
      <c r="AB13" s="9"/>
      <c r="AC13" s="9"/>
      <c r="AD13" s="9"/>
      <c r="AE13" s="9"/>
      <c r="AF13" s="9"/>
      <c r="AG13" s="9"/>
      <c r="AH13" s="9"/>
      <c r="AI13" s="9"/>
      <c r="AJ13" s="10"/>
    </row>
    <row r="14" spans="1:44" ht="17.25" customHeight="1" x14ac:dyDescent="0.2">
      <c r="A14" s="490" t="s">
        <v>610</v>
      </c>
      <c r="B14" s="491"/>
      <c r="C14" s="491"/>
      <c r="D14" s="491"/>
      <c r="E14" s="492"/>
      <c r="F14" s="484" t="s">
        <v>165</v>
      </c>
      <c r="G14" s="485"/>
      <c r="H14" s="485"/>
      <c r="I14" s="485"/>
      <c r="J14" s="486"/>
      <c r="K14" s="486"/>
      <c r="L14" s="486"/>
      <c r="M14" s="486"/>
      <c r="N14" s="486"/>
      <c r="O14" s="486"/>
      <c r="P14" s="486"/>
      <c r="Q14" s="486"/>
      <c r="R14" s="486"/>
      <c r="S14" s="486"/>
      <c r="T14" s="486"/>
      <c r="U14" s="486"/>
      <c r="V14" s="487"/>
      <c r="W14" s="647"/>
      <c r="X14" s="11" t="s">
        <v>83</v>
      </c>
      <c r="Y14" s="11"/>
      <c r="Z14" s="11"/>
      <c r="AA14" s="11"/>
      <c r="AB14" s="11"/>
      <c r="AC14" s="11"/>
      <c r="AD14" s="11"/>
      <c r="AE14" s="11"/>
      <c r="AF14" s="11"/>
      <c r="AG14" s="11" t="s">
        <v>30</v>
      </c>
      <c r="AH14" s="11"/>
      <c r="AI14" s="11"/>
      <c r="AJ14" s="52"/>
    </row>
    <row r="15" spans="1:44" ht="17.25" customHeight="1" x14ac:dyDescent="0.2">
      <c r="A15" s="493"/>
      <c r="B15" s="494"/>
      <c r="C15" s="494"/>
      <c r="D15" s="494"/>
      <c r="E15" s="495"/>
      <c r="F15" s="104" t="s">
        <v>85</v>
      </c>
      <c r="G15" s="48"/>
      <c r="H15" s="548"/>
      <c r="I15" s="548"/>
      <c r="J15" s="548"/>
      <c r="K15" s="548"/>
      <c r="L15" s="548"/>
      <c r="M15" s="48"/>
      <c r="N15" s="177" t="s">
        <v>184</v>
      </c>
      <c r="O15" s="48" t="s">
        <v>185</v>
      </c>
      <c r="P15" s="548"/>
      <c r="Q15" s="548"/>
      <c r="R15" s="548"/>
      <c r="S15" s="548"/>
      <c r="T15" s="548"/>
      <c r="U15" s="548"/>
      <c r="V15" s="626"/>
      <c r="W15" s="647"/>
      <c r="X15" s="107"/>
      <c r="Y15" s="107"/>
      <c r="Z15" s="107"/>
      <c r="AA15" s="107"/>
      <c r="AB15" s="107"/>
      <c r="AC15" s="107"/>
      <c r="AD15" s="107"/>
      <c r="AE15" s="107"/>
      <c r="AF15" s="107"/>
      <c r="AG15" s="107" t="s">
        <v>186</v>
      </c>
      <c r="AH15" s="107"/>
      <c r="AI15" s="107"/>
      <c r="AJ15" s="52"/>
    </row>
    <row r="16" spans="1:44" ht="17.25" customHeight="1" x14ac:dyDescent="0.2">
      <c r="A16" s="493"/>
      <c r="B16" s="494"/>
      <c r="C16" s="494"/>
      <c r="D16" s="494"/>
      <c r="E16" s="495"/>
      <c r="F16" s="484" t="s">
        <v>166</v>
      </c>
      <c r="G16" s="485"/>
      <c r="H16" s="485"/>
      <c r="I16" s="485"/>
      <c r="J16" s="486"/>
      <c r="K16" s="486"/>
      <c r="L16" s="486"/>
      <c r="M16" s="486"/>
      <c r="N16" s="486"/>
      <c r="O16" s="486"/>
      <c r="P16" s="486"/>
      <c r="Q16" s="486"/>
      <c r="R16" s="486"/>
      <c r="S16" s="486"/>
      <c r="T16" s="486"/>
      <c r="U16" s="486"/>
      <c r="V16" s="487"/>
      <c r="W16" s="647"/>
      <c r="X16" s="107"/>
      <c r="Y16" s="107"/>
      <c r="Z16" s="107"/>
      <c r="AA16" s="107"/>
      <c r="AB16" s="107"/>
      <c r="AC16" s="107"/>
      <c r="AD16" s="107"/>
      <c r="AE16" s="107"/>
      <c r="AF16" s="107"/>
      <c r="AG16" s="107"/>
      <c r="AH16" s="107"/>
      <c r="AI16" s="107"/>
      <c r="AJ16" s="52"/>
    </row>
    <row r="17" spans="1:46" ht="17.25" customHeight="1" x14ac:dyDescent="0.2">
      <c r="A17" s="496"/>
      <c r="B17" s="497"/>
      <c r="C17" s="497"/>
      <c r="D17" s="497"/>
      <c r="E17" s="498"/>
      <c r="F17" s="162" t="s">
        <v>85</v>
      </c>
      <c r="G17" s="107"/>
      <c r="H17" s="488"/>
      <c r="I17" s="488"/>
      <c r="J17" s="488"/>
      <c r="K17" s="488"/>
      <c r="L17" s="488"/>
      <c r="M17" s="107"/>
      <c r="N17" s="278" t="s">
        <v>184</v>
      </c>
      <c r="O17" s="107" t="s">
        <v>185</v>
      </c>
      <c r="P17" s="488"/>
      <c r="Q17" s="488"/>
      <c r="R17" s="488"/>
      <c r="S17" s="488"/>
      <c r="T17" s="488"/>
      <c r="U17" s="488"/>
      <c r="V17" s="489"/>
      <c r="W17" s="647"/>
      <c r="X17" s="107"/>
      <c r="Y17" s="107"/>
      <c r="Z17" s="107"/>
      <c r="AA17" s="107"/>
      <c r="AB17" s="107"/>
      <c r="AC17" s="107"/>
      <c r="AD17" s="107"/>
      <c r="AE17" s="107"/>
      <c r="AF17" s="107"/>
      <c r="AG17" s="107"/>
      <c r="AH17" s="107"/>
      <c r="AI17" s="107"/>
      <c r="AJ17" s="52"/>
    </row>
    <row r="18" spans="1:46" ht="17.25" customHeight="1" x14ac:dyDescent="0.2">
      <c r="A18" s="499" t="s">
        <v>611</v>
      </c>
      <c r="B18" s="500"/>
      <c r="C18" s="755"/>
      <c r="D18" s="478"/>
      <c r="E18" s="478"/>
      <c r="F18" s="478"/>
      <c r="G18" s="478"/>
      <c r="H18" s="478"/>
      <c r="I18" s="478"/>
      <c r="J18" s="478"/>
      <c r="K18" s="478"/>
      <c r="L18" s="478"/>
      <c r="M18" s="478"/>
      <c r="N18" s="478"/>
      <c r="O18" s="478"/>
      <c r="P18" s="478"/>
      <c r="Q18" s="478"/>
      <c r="R18" s="478"/>
      <c r="S18" s="478"/>
      <c r="T18" s="478"/>
      <c r="U18" s="478"/>
      <c r="V18" s="479"/>
      <c r="W18" s="647"/>
      <c r="X18" s="107"/>
      <c r="Y18" s="107"/>
      <c r="Z18" s="107"/>
      <c r="AA18" s="107"/>
      <c r="AB18" s="107"/>
      <c r="AC18" s="107"/>
      <c r="AD18" s="107"/>
      <c r="AE18" s="107"/>
      <c r="AF18" s="107"/>
      <c r="AG18" s="107"/>
      <c r="AH18" s="107"/>
      <c r="AI18" s="107"/>
      <c r="AJ18" s="52"/>
      <c r="AO18" s="107"/>
      <c r="AP18" s="107"/>
      <c r="AQ18" s="107"/>
      <c r="AR18" s="107"/>
      <c r="AS18" s="107"/>
      <c r="AT18" s="107"/>
    </row>
    <row r="19" spans="1:46" ht="17.25" customHeight="1" x14ac:dyDescent="0.2">
      <c r="A19" s="501"/>
      <c r="B19" s="502"/>
      <c r="C19" s="756"/>
      <c r="D19" s="480"/>
      <c r="E19" s="480"/>
      <c r="F19" s="480"/>
      <c r="G19" s="480"/>
      <c r="H19" s="480"/>
      <c r="I19" s="480"/>
      <c r="J19" s="480"/>
      <c r="K19" s="480"/>
      <c r="L19" s="480"/>
      <c r="M19" s="480"/>
      <c r="N19" s="480"/>
      <c r="O19" s="480"/>
      <c r="P19" s="480"/>
      <c r="Q19" s="480"/>
      <c r="R19" s="480"/>
      <c r="S19" s="480"/>
      <c r="T19" s="480"/>
      <c r="U19" s="480"/>
      <c r="V19" s="481"/>
      <c r="W19" s="647"/>
      <c r="X19" s="107"/>
      <c r="Y19" s="107"/>
      <c r="Z19" s="107"/>
      <c r="AA19" s="107"/>
      <c r="AB19" s="107"/>
      <c r="AC19" s="107"/>
      <c r="AD19" s="107"/>
      <c r="AE19" s="107"/>
      <c r="AF19" s="107"/>
      <c r="AG19" s="107"/>
      <c r="AH19" s="107"/>
      <c r="AI19" s="107"/>
      <c r="AJ19" s="52"/>
    </row>
    <row r="20" spans="1:46" ht="17.25" customHeight="1" x14ac:dyDescent="0.2">
      <c r="A20" s="503"/>
      <c r="B20" s="504"/>
      <c r="C20" s="757"/>
      <c r="D20" s="482"/>
      <c r="E20" s="482"/>
      <c r="F20" s="482"/>
      <c r="G20" s="482"/>
      <c r="H20" s="482"/>
      <c r="I20" s="482"/>
      <c r="J20" s="482"/>
      <c r="K20" s="482"/>
      <c r="L20" s="482"/>
      <c r="M20" s="482"/>
      <c r="N20" s="482"/>
      <c r="O20" s="482"/>
      <c r="P20" s="482"/>
      <c r="Q20" s="482"/>
      <c r="R20" s="482"/>
      <c r="S20" s="482"/>
      <c r="T20" s="482"/>
      <c r="U20" s="482"/>
      <c r="V20" s="483"/>
      <c r="W20" s="648"/>
      <c r="X20" s="48"/>
      <c r="Y20" s="48"/>
      <c r="Z20" s="48"/>
      <c r="AA20" s="48"/>
      <c r="AB20" s="48"/>
      <c r="AC20" s="48"/>
      <c r="AD20" s="48"/>
      <c r="AE20" s="48"/>
      <c r="AF20" s="31"/>
      <c r="AG20" s="31"/>
      <c r="AH20" s="32" t="s">
        <v>73</v>
      </c>
      <c r="AI20" s="32"/>
      <c r="AJ20" s="178"/>
      <c r="AL20" s="2" t="s">
        <v>187</v>
      </c>
      <c r="AO20" s="107"/>
    </row>
    <row r="21" spans="1:46" ht="17.25" customHeight="1" x14ac:dyDescent="0.2">
      <c r="A21" s="615" t="s">
        <v>33</v>
      </c>
      <c r="B21" s="616"/>
      <c r="C21" s="616"/>
      <c r="D21" s="616"/>
      <c r="E21" s="349"/>
      <c r="F21" s="619" t="s">
        <v>91</v>
      </c>
      <c r="G21" s="620"/>
      <c r="H21" s="179"/>
      <c r="I21" s="50" t="s">
        <v>188</v>
      </c>
      <c r="J21" s="179"/>
      <c r="K21" s="50" t="s">
        <v>189</v>
      </c>
      <c r="L21" s="50"/>
      <c r="M21" s="348" t="s">
        <v>35</v>
      </c>
      <c r="N21" s="349"/>
      <c r="O21" s="50"/>
      <c r="P21" s="180"/>
      <c r="Q21" s="50"/>
      <c r="R21" s="50"/>
      <c r="S21" s="50"/>
      <c r="T21" s="50"/>
      <c r="U21" s="50"/>
      <c r="V21" s="50"/>
      <c r="W21" s="621" t="s">
        <v>36</v>
      </c>
      <c r="X21" s="181"/>
      <c r="Y21" s="181"/>
      <c r="Z21" s="181"/>
      <c r="AA21" s="181"/>
      <c r="AB21" s="181"/>
      <c r="AC21" s="181"/>
      <c r="AD21" s="181"/>
      <c r="AE21" s="181"/>
      <c r="AF21" s="181"/>
      <c r="AG21" s="181"/>
      <c r="AH21" s="181"/>
      <c r="AI21" s="181"/>
      <c r="AJ21" s="182"/>
      <c r="AL21" s="183" t="s">
        <v>190</v>
      </c>
      <c r="AM21" s="183" t="s">
        <v>191</v>
      </c>
      <c r="AN21" s="183" t="s">
        <v>192</v>
      </c>
      <c r="AO21" s="183"/>
      <c r="AP21" s="162" t="s">
        <v>193</v>
      </c>
      <c r="AQ21" s="162" t="s">
        <v>194</v>
      </c>
      <c r="AR21" s="162"/>
      <c r="AS21" s="107"/>
      <c r="AT21" s="107"/>
    </row>
    <row r="22" spans="1:46" ht="17.25" customHeight="1" x14ac:dyDescent="0.2">
      <c r="A22" s="617"/>
      <c r="B22" s="618"/>
      <c r="C22" s="618"/>
      <c r="D22" s="618"/>
      <c r="E22" s="347"/>
      <c r="F22" s="624"/>
      <c r="G22" s="625"/>
      <c r="H22" s="104"/>
      <c r="I22" s="184"/>
      <c r="J22" s="48"/>
      <c r="K22" s="48"/>
      <c r="L22" s="48"/>
      <c r="M22" s="346" t="s">
        <v>38</v>
      </c>
      <c r="N22" s="347"/>
      <c r="O22" s="48"/>
      <c r="P22" s="46" t="s">
        <v>195</v>
      </c>
      <c r="Q22" s="48"/>
      <c r="R22" s="548"/>
      <c r="S22" s="548"/>
      <c r="T22" s="548"/>
      <c r="U22" s="548"/>
      <c r="V22" s="626"/>
      <c r="W22" s="622"/>
      <c r="X22" s="185"/>
      <c r="Y22" s="185"/>
      <c r="Z22" s="185"/>
      <c r="AA22" s="185"/>
      <c r="AB22" s="185"/>
      <c r="AC22" s="185"/>
      <c r="AD22" s="185"/>
      <c r="AE22" s="185"/>
      <c r="AF22" s="185"/>
      <c r="AG22" s="185"/>
      <c r="AH22" s="185"/>
      <c r="AI22" s="185"/>
      <c r="AJ22" s="186"/>
      <c r="AL22" s="107"/>
      <c r="AM22" s="107"/>
      <c r="AN22" s="107"/>
      <c r="AO22" s="107"/>
      <c r="AP22" s="107"/>
      <c r="AQ22" s="107"/>
      <c r="AR22" s="107"/>
      <c r="AS22" s="107"/>
      <c r="AT22" s="107"/>
    </row>
    <row r="23" spans="1:46" ht="17.25" customHeight="1" x14ac:dyDescent="0.2">
      <c r="A23" s="627" t="s">
        <v>40</v>
      </c>
      <c r="B23" s="628"/>
      <c r="C23" s="628"/>
      <c r="D23" s="628"/>
      <c r="E23" s="629"/>
      <c r="F23" s="50" t="s">
        <v>41</v>
      </c>
      <c r="G23" s="50"/>
      <c r="H23" s="50"/>
      <c r="I23" s="50" t="s">
        <v>196</v>
      </c>
      <c r="J23" s="187"/>
      <c r="K23" s="50" t="s">
        <v>43</v>
      </c>
      <c r="L23" s="50"/>
      <c r="M23" s="50"/>
      <c r="N23" s="50" t="s">
        <v>44</v>
      </c>
      <c r="O23" s="50"/>
      <c r="P23" s="50" t="s">
        <v>197</v>
      </c>
      <c r="Q23" s="187"/>
      <c r="R23" s="50" t="s">
        <v>43</v>
      </c>
      <c r="S23" s="50"/>
      <c r="T23" s="50"/>
      <c r="U23" s="50"/>
      <c r="V23" s="50"/>
      <c r="W23" s="622"/>
      <c r="X23" s="185"/>
      <c r="Y23" s="185"/>
      <c r="Z23" s="185"/>
      <c r="AA23" s="185"/>
      <c r="AB23" s="185"/>
      <c r="AC23" s="185"/>
      <c r="AD23" s="185"/>
      <c r="AE23" s="185"/>
      <c r="AF23" s="185"/>
      <c r="AG23" s="185"/>
      <c r="AH23" s="185"/>
      <c r="AI23" s="185"/>
      <c r="AJ23" s="186"/>
      <c r="AL23" s="23" t="s">
        <v>198</v>
      </c>
      <c r="AM23" s="23" t="s">
        <v>199</v>
      </c>
      <c r="AN23" s="23" t="s">
        <v>200</v>
      </c>
      <c r="AO23" s="25" t="s">
        <v>201</v>
      </c>
      <c r="AP23" s="23" t="s">
        <v>202</v>
      </c>
      <c r="AQ23" s="23" t="s">
        <v>203</v>
      </c>
    </row>
    <row r="24" spans="1:46" ht="17.25" customHeight="1" x14ac:dyDescent="0.2">
      <c r="A24" s="630"/>
      <c r="B24" s="631"/>
      <c r="C24" s="631"/>
      <c r="D24" s="631"/>
      <c r="E24" s="632"/>
      <c r="F24" s="16" t="s">
        <v>45</v>
      </c>
      <c r="G24" s="48"/>
      <c r="H24" s="48"/>
      <c r="I24" s="48" t="s">
        <v>204</v>
      </c>
      <c r="J24" s="188"/>
      <c r="K24" s="48" t="s">
        <v>43</v>
      </c>
      <c r="L24" s="48"/>
      <c r="M24" s="48"/>
      <c r="N24" s="48" t="s">
        <v>46</v>
      </c>
      <c r="O24" s="48"/>
      <c r="P24" s="48" t="s">
        <v>205</v>
      </c>
      <c r="Q24" s="188"/>
      <c r="R24" s="48" t="s">
        <v>43</v>
      </c>
      <c r="S24" s="48"/>
      <c r="T24" s="48"/>
      <c r="U24" s="48"/>
      <c r="V24" s="48"/>
      <c r="W24" s="622"/>
      <c r="X24" s="185"/>
      <c r="Y24" s="185"/>
      <c r="Z24" s="185"/>
      <c r="AA24" s="185"/>
      <c r="AB24" s="185"/>
      <c r="AC24" s="185"/>
      <c r="AD24" s="185"/>
      <c r="AE24" s="185"/>
      <c r="AF24" s="185"/>
      <c r="AG24" s="185"/>
      <c r="AH24" s="185"/>
      <c r="AI24" s="185"/>
      <c r="AJ24" s="186"/>
      <c r="AL24" s="2" t="s">
        <v>206</v>
      </c>
      <c r="AM24" s="2" t="s">
        <v>207</v>
      </c>
    </row>
    <row r="25" spans="1:46" ht="17.25" customHeight="1" x14ac:dyDescent="0.2">
      <c r="A25" s="633" t="s">
        <v>94</v>
      </c>
      <c r="B25" s="634"/>
      <c r="C25" s="634"/>
      <c r="D25" s="634"/>
      <c r="E25" s="635"/>
      <c r="F25" s="189"/>
      <c r="G25" s="48" t="s">
        <v>95</v>
      </c>
      <c r="H25" s="190"/>
      <c r="I25" s="191"/>
      <c r="J25" s="48" t="s">
        <v>96</v>
      </c>
      <c r="K25" s="192"/>
      <c r="L25" s="4" t="s">
        <v>92</v>
      </c>
      <c r="M25" s="4"/>
      <c r="N25" s="193"/>
      <c r="O25" s="4" t="s">
        <v>96</v>
      </c>
      <c r="P25" s="48"/>
      <c r="Q25" s="48" t="s">
        <v>93</v>
      </c>
      <c r="R25" s="48"/>
      <c r="S25" s="191"/>
      <c r="T25" s="48" t="s">
        <v>96</v>
      </c>
      <c r="U25" s="48"/>
      <c r="V25" s="8"/>
      <c r="W25" s="622"/>
      <c r="X25" s="185"/>
      <c r="Y25" s="185"/>
      <c r="Z25" s="185"/>
      <c r="AA25" s="185"/>
      <c r="AB25" s="185"/>
      <c r="AC25" s="185"/>
      <c r="AD25" s="185"/>
      <c r="AE25" s="185"/>
      <c r="AF25" s="185"/>
      <c r="AG25" s="185"/>
      <c r="AH25" s="185"/>
      <c r="AI25" s="185"/>
      <c r="AJ25" s="186"/>
      <c r="AL25" s="2" t="s">
        <v>208</v>
      </c>
      <c r="AM25" s="2" t="s">
        <v>209</v>
      </c>
      <c r="AN25" s="2" t="s">
        <v>210</v>
      </c>
      <c r="AO25" s="2" t="s">
        <v>211</v>
      </c>
    </row>
    <row r="26" spans="1:46" ht="17.25" customHeight="1" x14ac:dyDescent="0.2">
      <c r="A26" s="636" t="s">
        <v>97</v>
      </c>
      <c r="B26" s="634"/>
      <c r="C26" s="634"/>
      <c r="D26" s="634"/>
      <c r="E26" s="635"/>
      <c r="F26" s="508" t="s">
        <v>212</v>
      </c>
      <c r="G26" s="508"/>
      <c r="H26" s="508"/>
      <c r="I26" s="575"/>
      <c r="J26" s="575"/>
      <c r="K26" s="194"/>
      <c r="L26" s="508" t="s">
        <v>213</v>
      </c>
      <c r="M26" s="508"/>
      <c r="N26" s="189"/>
      <c r="O26" s="4"/>
      <c r="P26" s="508" t="s">
        <v>214</v>
      </c>
      <c r="Q26" s="508"/>
      <c r="R26" s="189"/>
      <c r="S26" s="195"/>
      <c r="T26" s="508" t="s">
        <v>215</v>
      </c>
      <c r="U26" s="508"/>
      <c r="V26" s="189"/>
      <c r="W26" s="623"/>
      <c r="X26" s="196"/>
      <c r="Y26" s="197" t="s">
        <v>153</v>
      </c>
      <c r="Z26" s="198"/>
      <c r="AA26" s="198"/>
      <c r="AB26" s="198"/>
      <c r="AC26" s="198"/>
      <c r="AD26" s="198"/>
      <c r="AE26" s="198"/>
      <c r="AF26" s="198"/>
      <c r="AG26" s="199"/>
      <c r="AH26" s="199"/>
      <c r="AI26" s="199"/>
      <c r="AJ26" s="200"/>
      <c r="AL26" s="2" t="s">
        <v>216</v>
      </c>
      <c r="AM26" s="2" t="s">
        <v>217</v>
      </c>
      <c r="AN26" s="2" t="s">
        <v>218</v>
      </c>
      <c r="AO26" s="2" t="s">
        <v>219</v>
      </c>
    </row>
    <row r="27" spans="1:46" ht="8.25" customHeight="1" x14ac:dyDescent="0.2">
      <c r="A27" s="35"/>
      <c r="B27" s="36"/>
      <c r="C27" s="36"/>
      <c r="D27" s="36"/>
      <c r="E27" s="36"/>
      <c r="F27" s="107"/>
      <c r="G27" s="107"/>
      <c r="H27" s="107"/>
      <c r="I27" s="107"/>
      <c r="J27" s="107"/>
      <c r="K27" s="107"/>
      <c r="L27" s="107"/>
      <c r="M27" s="107"/>
      <c r="N27" s="107"/>
      <c r="O27" s="107"/>
      <c r="P27" s="107"/>
      <c r="Q27" s="107"/>
      <c r="R27" s="17"/>
      <c r="S27" s="36"/>
      <c r="T27" s="107"/>
      <c r="U27" s="107"/>
      <c r="V27" s="107"/>
      <c r="W27" s="42"/>
      <c r="X27" s="50"/>
      <c r="Y27" s="50"/>
      <c r="Z27" s="50"/>
      <c r="AA27" s="50"/>
      <c r="AB27" s="50"/>
      <c r="AC27" s="50"/>
      <c r="AD27" s="50"/>
      <c r="AE27" s="50"/>
      <c r="AF27" s="50"/>
      <c r="AG27" s="50"/>
      <c r="AH27" s="50"/>
      <c r="AI27" s="50"/>
      <c r="AJ27" s="37"/>
      <c r="AL27" s="2" t="s">
        <v>220</v>
      </c>
      <c r="AM27" s="2" t="s">
        <v>221</v>
      </c>
      <c r="AN27" s="2" t="s">
        <v>222</v>
      </c>
      <c r="AO27" s="2" t="s">
        <v>223</v>
      </c>
      <c r="AP27" s="2" t="s">
        <v>224</v>
      </c>
      <c r="AQ27" s="2" t="s">
        <v>225</v>
      </c>
    </row>
    <row r="28" spans="1:46" ht="18" customHeight="1" x14ac:dyDescent="0.2">
      <c r="A28" s="18"/>
      <c r="B28" s="19" t="s">
        <v>47</v>
      </c>
      <c r="C28" s="36"/>
      <c r="D28" s="36"/>
      <c r="E28" s="36"/>
      <c r="F28" s="107"/>
      <c r="G28" s="107"/>
      <c r="H28" s="107"/>
      <c r="I28" s="107"/>
      <c r="J28" s="107"/>
      <c r="K28" s="107"/>
      <c r="L28" s="107"/>
      <c r="M28" s="107"/>
      <c r="N28" s="107"/>
      <c r="O28" s="107"/>
      <c r="P28" s="107"/>
      <c r="Q28" s="107"/>
      <c r="R28" s="17"/>
      <c r="S28" s="36"/>
      <c r="T28" s="107"/>
      <c r="U28" s="107"/>
      <c r="V28" s="107"/>
      <c r="W28" s="43"/>
      <c r="X28" s="48"/>
      <c r="Y28" s="48"/>
      <c r="Z28" s="48"/>
      <c r="AA28" s="48"/>
      <c r="AB28" s="48"/>
      <c r="AC28" s="48"/>
      <c r="AD28" s="48"/>
      <c r="AE28" s="48"/>
      <c r="AF28" s="48"/>
      <c r="AG28" s="48"/>
      <c r="AH28" s="48"/>
      <c r="AI28" s="48"/>
      <c r="AJ28" s="38"/>
      <c r="AL28" s="2" t="s">
        <v>226</v>
      </c>
      <c r="AM28" s="2" t="s">
        <v>227</v>
      </c>
      <c r="AN28" s="2" t="s">
        <v>228</v>
      </c>
      <c r="AO28" s="2" t="s">
        <v>229</v>
      </c>
      <c r="AP28" s="2" t="s">
        <v>230</v>
      </c>
    </row>
    <row r="29" spans="1:46" ht="18" customHeight="1" x14ac:dyDescent="0.2">
      <c r="A29" s="600" t="s">
        <v>48</v>
      </c>
      <c r="B29" s="566" t="s">
        <v>231</v>
      </c>
      <c r="C29" s="567"/>
      <c r="D29" s="568"/>
      <c r="E29" s="568"/>
      <c r="F29" s="568"/>
      <c r="G29" s="568"/>
      <c r="H29" s="568"/>
      <c r="I29" s="158"/>
      <c r="J29" s="201" t="s">
        <v>232</v>
      </c>
      <c r="K29" s="158"/>
      <c r="L29" s="158"/>
      <c r="M29" s="614"/>
      <c r="N29" s="614"/>
      <c r="O29" s="202"/>
      <c r="P29" s="50"/>
      <c r="Q29" s="50"/>
      <c r="R29" s="203" t="s">
        <v>84</v>
      </c>
      <c r="S29" s="579" t="s">
        <v>50</v>
      </c>
      <c r="T29" s="580" t="s">
        <v>51</v>
      </c>
      <c r="U29" s="566" t="s">
        <v>233</v>
      </c>
      <c r="V29" s="566"/>
      <c r="W29" s="566"/>
      <c r="X29" s="568"/>
      <c r="Y29" s="568"/>
      <c r="Z29" s="568"/>
      <c r="AA29" s="568"/>
      <c r="AB29" s="568"/>
      <c r="AC29" s="603" t="s">
        <v>234</v>
      </c>
      <c r="AD29" s="604"/>
      <c r="AE29" s="604"/>
      <c r="AF29" s="612"/>
      <c r="AG29" s="568"/>
      <c r="AH29" s="568"/>
      <c r="AI29" s="568"/>
      <c r="AJ29" s="613"/>
      <c r="AL29" s="2" t="s">
        <v>235</v>
      </c>
      <c r="AM29" s="2" t="s">
        <v>236</v>
      </c>
      <c r="AN29" s="2" t="s">
        <v>237</v>
      </c>
    </row>
    <row r="30" spans="1:46" ht="18" customHeight="1" x14ac:dyDescent="0.2">
      <c r="A30" s="601"/>
      <c r="B30" s="314" t="s">
        <v>52</v>
      </c>
      <c r="C30" s="314"/>
      <c r="D30" s="63" t="s">
        <v>238</v>
      </c>
      <c r="E30" s="14"/>
      <c r="F30" s="573"/>
      <c r="G30" s="573"/>
      <c r="H30" s="573"/>
      <c r="I30" s="573"/>
      <c r="J30" s="63" t="s">
        <v>239</v>
      </c>
      <c r="K30" s="14"/>
      <c r="L30" s="573"/>
      <c r="M30" s="573"/>
      <c r="N30" s="573"/>
      <c r="O30" s="573"/>
      <c r="P30" s="573"/>
      <c r="Q30" s="14"/>
      <c r="R30" s="65"/>
      <c r="S30" s="581"/>
      <c r="T30" s="582"/>
      <c r="U30" s="314" t="s">
        <v>240</v>
      </c>
      <c r="V30" s="574"/>
      <c r="W30" s="574"/>
      <c r="X30" s="608"/>
      <c r="Y30" s="573"/>
      <c r="Z30" s="573"/>
      <c r="AA30" s="573"/>
      <c r="AB30" s="573"/>
      <c r="AC30" s="609" t="s">
        <v>241</v>
      </c>
      <c r="AD30" s="610"/>
      <c r="AE30" s="610"/>
      <c r="AF30" s="608"/>
      <c r="AG30" s="573"/>
      <c r="AH30" s="573"/>
      <c r="AI30" s="573"/>
      <c r="AJ30" s="611"/>
      <c r="AL30" s="2" t="s">
        <v>242</v>
      </c>
      <c r="AM30" s="2" t="s">
        <v>243</v>
      </c>
      <c r="AN30" s="2" t="s">
        <v>244</v>
      </c>
    </row>
    <row r="31" spans="1:46" ht="18" customHeight="1" x14ac:dyDescent="0.2">
      <c r="A31" s="601"/>
      <c r="B31" s="314"/>
      <c r="C31" s="314"/>
      <c r="D31" s="63" t="s">
        <v>245</v>
      </c>
      <c r="E31" s="14"/>
      <c r="F31" s="594"/>
      <c r="G31" s="594"/>
      <c r="H31" s="14"/>
      <c r="I31" s="14"/>
      <c r="J31" s="14"/>
      <c r="K31" s="14"/>
      <c r="L31" s="14"/>
      <c r="M31" s="14"/>
      <c r="N31" s="14"/>
      <c r="O31" s="14"/>
      <c r="P31" s="14"/>
      <c r="Q31" s="14"/>
      <c r="R31" s="65"/>
      <c r="S31" s="581"/>
      <c r="T31" s="582"/>
      <c r="U31" s="314" t="s">
        <v>246</v>
      </c>
      <c r="V31" s="574"/>
      <c r="W31" s="574"/>
      <c r="X31" s="608"/>
      <c r="Y31" s="573"/>
      <c r="Z31" s="573"/>
      <c r="AA31" s="573"/>
      <c r="AB31" s="573"/>
      <c r="AC31" s="609" t="s">
        <v>247</v>
      </c>
      <c r="AD31" s="610"/>
      <c r="AE31" s="610"/>
      <c r="AF31" s="608"/>
      <c r="AG31" s="573"/>
      <c r="AH31" s="573"/>
      <c r="AI31" s="573"/>
      <c r="AJ31" s="611"/>
      <c r="AL31" s="2" t="s">
        <v>248</v>
      </c>
      <c r="AM31" s="2" t="s">
        <v>249</v>
      </c>
      <c r="AN31" s="2" t="s">
        <v>250</v>
      </c>
      <c r="AO31" s="2" t="s">
        <v>251</v>
      </c>
      <c r="AP31" s="2" t="s">
        <v>252</v>
      </c>
    </row>
    <row r="32" spans="1:46" ht="18" customHeight="1" x14ac:dyDescent="0.2">
      <c r="A32" s="602"/>
      <c r="B32" s="588" t="s">
        <v>53</v>
      </c>
      <c r="C32" s="588"/>
      <c r="D32" s="606"/>
      <c r="E32" s="606"/>
      <c r="F32" s="606"/>
      <c r="G32" s="606"/>
      <c r="H32" s="606"/>
      <c r="I32" s="204"/>
      <c r="J32" s="204"/>
      <c r="K32" s="48"/>
      <c r="L32" s="205" t="s">
        <v>253</v>
      </c>
      <c r="M32" s="48"/>
      <c r="N32" s="555"/>
      <c r="O32" s="555"/>
      <c r="P32" s="555"/>
      <c r="Q32" s="555"/>
      <c r="R32" s="607"/>
      <c r="S32" s="581"/>
      <c r="T32" s="582" t="s">
        <v>55</v>
      </c>
      <c r="U32" s="314" t="s">
        <v>254</v>
      </c>
      <c r="V32" s="574"/>
      <c r="W32" s="574"/>
      <c r="X32" s="608"/>
      <c r="Y32" s="573"/>
      <c r="Z32" s="573"/>
      <c r="AA32" s="573"/>
      <c r="AB32" s="573"/>
      <c r="AC32" s="14"/>
      <c r="AD32" s="14"/>
      <c r="AE32" s="14"/>
      <c r="AF32" s="14"/>
      <c r="AG32" s="14"/>
      <c r="AH32" s="14"/>
      <c r="AI32" s="14"/>
      <c r="AJ32" s="15"/>
      <c r="AL32" s="2" t="s">
        <v>255</v>
      </c>
      <c r="AM32" s="2" t="s">
        <v>256</v>
      </c>
      <c r="AN32" s="2" t="s">
        <v>257</v>
      </c>
    </row>
    <row r="33" spans="1:49" ht="18" customHeight="1" x14ac:dyDescent="0.2">
      <c r="A33" s="600" t="s">
        <v>54</v>
      </c>
      <c r="B33" s="566" t="s">
        <v>258</v>
      </c>
      <c r="C33" s="567"/>
      <c r="D33" s="568"/>
      <c r="E33" s="568"/>
      <c r="F33" s="568"/>
      <c r="G33" s="568"/>
      <c r="H33" s="568"/>
      <c r="I33" s="50"/>
      <c r="J33" s="603" t="s">
        <v>259</v>
      </c>
      <c r="K33" s="604"/>
      <c r="L33" s="568"/>
      <c r="M33" s="568"/>
      <c r="N33" s="568"/>
      <c r="O33" s="568"/>
      <c r="P33" s="568"/>
      <c r="Q33" s="50"/>
      <c r="R33" s="206"/>
      <c r="S33" s="583"/>
      <c r="T33" s="584"/>
      <c r="U33" s="605" t="s">
        <v>260</v>
      </c>
      <c r="V33" s="605"/>
      <c r="W33" s="605"/>
      <c r="X33" s="555"/>
      <c r="Y33" s="555"/>
      <c r="Z33" s="555"/>
      <c r="AA33" s="555"/>
      <c r="AB33" s="555"/>
      <c r="AC33" s="590" t="s">
        <v>261</v>
      </c>
      <c r="AD33" s="591"/>
      <c r="AE33" s="592"/>
      <c r="AF33" s="555"/>
      <c r="AG33" s="555"/>
      <c r="AH33" s="555"/>
      <c r="AI33" s="555"/>
      <c r="AJ33" s="593"/>
      <c r="AL33" s="2" t="s">
        <v>262</v>
      </c>
      <c r="AM33" s="2" t="s">
        <v>263</v>
      </c>
    </row>
    <row r="34" spans="1:49" ht="18" customHeight="1" x14ac:dyDescent="0.2">
      <c r="A34" s="601"/>
      <c r="B34" s="314" t="s">
        <v>56</v>
      </c>
      <c r="C34" s="314"/>
      <c r="D34" s="594"/>
      <c r="E34" s="594"/>
      <c r="F34" s="14" t="s">
        <v>264</v>
      </c>
      <c r="G34" s="14"/>
      <c r="H34" s="14"/>
      <c r="I34" s="14"/>
      <c r="J34" s="595"/>
      <c r="K34" s="595"/>
      <c r="L34" s="595"/>
      <c r="M34" s="207" t="s">
        <v>265</v>
      </c>
      <c r="N34" s="14"/>
      <c r="O34" s="14"/>
      <c r="P34" s="14"/>
      <c r="Q34" s="14"/>
      <c r="R34" s="65"/>
      <c r="S34" s="596" t="s">
        <v>266</v>
      </c>
      <c r="T34" s="578"/>
      <c r="U34" s="523"/>
      <c r="V34" s="523"/>
      <c r="W34" s="523"/>
      <c r="X34" s="523"/>
      <c r="Y34" s="523"/>
      <c r="Z34" s="4"/>
      <c r="AA34" s="4"/>
      <c r="AB34" s="4"/>
      <c r="AC34" s="597" t="s">
        <v>267</v>
      </c>
      <c r="AD34" s="598"/>
      <c r="AE34" s="599"/>
      <c r="AF34" s="523"/>
      <c r="AG34" s="523"/>
      <c r="AH34" s="523"/>
      <c r="AI34" s="523"/>
      <c r="AJ34" s="5"/>
      <c r="AL34" s="2" t="s">
        <v>268</v>
      </c>
      <c r="AM34" s="2" t="s">
        <v>269</v>
      </c>
    </row>
    <row r="35" spans="1:49" ht="18" customHeight="1" x14ac:dyDescent="0.2">
      <c r="A35" s="602"/>
      <c r="B35" s="208" t="s">
        <v>53</v>
      </c>
      <c r="C35" s="209" t="s">
        <v>270</v>
      </c>
      <c r="D35" s="48"/>
      <c r="E35" s="555"/>
      <c r="F35" s="555"/>
      <c r="G35" s="555"/>
      <c r="H35" s="555"/>
      <c r="I35" s="48"/>
      <c r="J35" s="210" t="s">
        <v>271</v>
      </c>
      <c r="K35" s="66"/>
      <c r="L35" s="555"/>
      <c r="M35" s="555"/>
      <c r="N35" s="555"/>
      <c r="O35" s="555"/>
      <c r="P35" s="48"/>
      <c r="Q35" s="48"/>
      <c r="R35" s="49"/>
      <c r="S35" s="596" t="s">
        <v>59</v>
      </c>
      <c r="T35" s="578"/>
      <c r="U35" s="523"/>
      <c r="V35" s="523"/>
      <c r="W35" s="523"/>
      <c r="X35" s="523"/>
      <c r="Y35" s="50" t="s">
        <v>272</v>
      </c>
      <c r="Z35" s="50"/>
      <c r="AA35" s="50"/>
      <c r="AB35" s="575"/>
      <c r="AC35" s="575"/>
      <c r="AD35" s="50" t="s">
        <v>273</v>
      </c>
      <c r="AE35" s="525"/>
      <c r="AF35" s="576"/>
      <c r="AG35" s="576"/>
      <c r="AH35" s="576"/>
      <c r="AI35" s="576"/>
      <c r="AJ35" s="30" t="s">
        <v>180</v>
      </c>
      <c r="AL35" s="2" t="s">
        <v>274</v>
      </c>
      <c r="AM35" s="2" t="s">
        <v>275</v>
      </c>
    </row>
    <row r="36" spans="1:49" ht="18" customHeight="1" x14ac:dyDescent="0.2">
      <c r="A36" s="212" t="s">
        <v>57</v>
      </c>
      <c r="B36" s="577" t="s">
        <v>276</v>
      </c>
      <c r="C36" s="578"/>
      <c r="D36" s="4"/>
      <c r="E36" s="523"/>
      <c r="F36" s="523"/>
      <c r="G36" s="523"/>
      <c r="H36" s="523"/>
      <c r="I36" s="523"/>
      <c r="J36" s="4"/>
      <c r="K36" s="4"/>
      <c r="L36" s="213" t="s">
        <v>277</v>
      </c>
      <c r="M36" s="4"/>
      <c r="N36" s="523"/>
      <c r="O36" s="523"/>
      <c r="P36" s="523"/>
      <c r="Q36" s="523"/>
      <c r="R36" s="214"/>
      <c r="S36" s="579" t="s">
        <v>63</v>
      </c>
      <c r="T36" s="580"/>
      <c r="U36" s="50" t="s">
        <v>278</v>
      </c>
      <c r="V36" s="50"/>
      <c r="W36" s="50"/>
      <c r="X36" s="180"/>
      <c r="Y36" s="50"/>
      <c r="Z36" s="50" t="s">
        <v>197</v>
      </c>
      <c r="AA36" s="585"/>
      <c r="AB36" s="586"/>
      <c r="AC36" s="586"/>
      <c r="AD36" s="586"/>
      <c r="AE36" s="586"/>
      <c r="AF36" s="586"/>
      <c r="AG36" s="586"/>
      <c r="AH36" s="29" t="s">
        <v>180</v>
      </c>
      <c r="AI36" s="50"/>
      <c r="AJ36" s="37"/>
      <c r="AL36" s="2" t="s">
        <v>279</v>
      </c>
      <c r="AM36" s="2" t="s">
        <v>280</v>
      </c>
      <c r="AN36" s="2" t="s">
        <v>281</v>
      </c>
    </row>
    <row r="37" spans="1:49" ht="18" customHeight="1" x14ac:dyDescent="0.2">
      <c r="A37" s="563" t="s">
        <v>282</v>
      </c>
      <c r="B37" s="566" t="s">
        <v>62</v>
      </c>
      <c r="C37" s="567"/>
      <c r="D37" s="50"/>
      <c r="E37" s="568"/>
      <c r="F37" s="568"/>
      <c r="G37" s="568"/>
      <c r="H37" s="568"/>
      <c r="I37" s="568"/>
      <c r="J37" s="215"/>
      <c r="K37" s="215"/>
      <c r="L37" s="216" t="s">
        <v>283</v>
      </c>
      <c r="M37" s="215"/>
      <c r="N37" s="568"/>
      <c r="O37" s="568"/>
      <c r="P37" s="568"/>
      <c r="Q37" s="568"/>
      <c r="R37" s="206"/>
      <c r="S37" s="581"/>
      <c r="T37" s="582"/>
      <c r="U37" s="63" t="s">
        <v>284</v>
      </c>
      <c r="V37" s="14"/>
      <c r="W37" s="14"/>
      <c r="X37" s="14"/>
      <c r="Y37" s="14"/>
      <c r="Z37" s="217"/>
      <c r="AA37" s="14"/>
      <c r="AB37" s="14" t="s">
        <v>285</v>
      </c>
      <c r="AC37" s="569"/>
      <c r="AD37" s="570"/>
      <c r="AE37" s="570"/>
      <c r="AF37" s="570"/>
      <c r="AG37" s="570"/>
      <c r="AH37" s="207" t="s">
        <v>286</v>
      </c>
      <c r="AI37" s="14"/>
      <c r="AJ37" s="15"/>
      <c r="AL37" s="2" t="s">
        <v>287</v>
      </c>
      <c r="AM37" s="2" t="s">
        <v>288</v>
      </c>
      <c r="AN37" s="2" t="s">
        <v>289</v>
      </c>
      <c r="AO37" s="2" t="s">
        <v>290</v>
      </c>
    </row>
    <row r="38" spans="1:49" ht="18" customHeight="1" x14ac:dyDescent="0.2">
      <c r="A38" s="564"/>
      <c r="B38" s="571" t="s">
        <v>64</v>
      </c>
      <c r="C38" s="572"/>
      <c r="D38" s="14"/>
      <c r="E38" s="573"/>
      <c r="F38" s="573"/>
      <c r="G38" s="573"/>
      <c r="H38" s="573"/>
      <c r="I38" s="573"/>
      <c r="J38" s="14" t="s">
        <v>291</v>
      </c>
      <c r="K38" s="14"/>
      <c r="L38" s="14"/>
      <c r="M38" s="569"/>
      <c r="N38" s="569"/>
      <c r="O38" s="569"/>
      <c r="P38" s="569"/>
      <c r="Q38" s="569"/>
      <c r="R38" s="65" t="s">
        <v>292</v>
      </c>
      <c r="S38" s="581"/>
      <c r="T38" s="582"/>
      <c r="U38" s="63" t="s">
        <v>293</v>
      </c>
      <c r="V38" s="14"/>
      <c r="W38" s="14"/>
      <c r="X38" s="217"/>
      <c r="Y38" s="14"/>
      <c r="Z38" s="14" t="s">
        <v>197</v>
      </c>
      <c r="AA38" s="569"/>
      <c r="AB38" s="570"/>
      <c r="AC38" s="570"/>
      <c r="AD38" s="570"/>
      <c r="AE38" s="570"/>
      <c r="AF38" s="570"/>
      <c r="AG38" s="570"/>
      <c r="AH38" s="207" t="s">
        <v>180</v>
      </c>
      <c r="AI38" s="14"/>
      <c r="AJ38" s="15"/>
      <c r="AL38" s="2" t="s">
        <v>294</v>
      </c>
      <c r="AM38" s="2" t="s">
        <v>295</v>
      </c>
      <c r="AN38" s="2" t="s">
        <v>296</v>
      </c>
      <c r="AO38" s="2" t="s">
        <v>297</v>
      </c>
      <c r="AP38" s="2" t="s">
        <v>298</v>
      </c>
      <c r="AQ38" s="2" t="s">
        <v>299</v>
      </c>
    </row>
    <row r="39" spans="1:49" ht="18" customHeight="1" x14ac:dyDescent="0.2">
      <c r="A39" s="564"/>
      <c r="B39" s="314" t="s">
        <v>65</v>
      </c>
      <c r="C39" s="574"/>
      <c r="D39" s="14" t="s">
        <v>300</v>
      </c>
      <c r="E39" s="218"/>
      <c r="F39" s="218"/>
      <c r="G39" s="218"/>
      <c r="H39" s="573"/>
      <c r="I39" s="573"/>
      <c r="J39" s="573"/>
      <c r="K39" s="573"/>
      <c r="L39" s="14"/>
      <c r="M39" s="14" t="s">
        <v>301</v>
      </c>
      <c r="N39" s="14"/>
      <c r="O39" s="14"/>
      <c r="P39" s="217"/>
      <c r="Q39" s="14"/>
      <c r="R39" s="64"/>
      <c r="S39" s="581"/>
      <c r="T39" s="582"/>
      <c r="U39" s="28" t="s">
        <v>302</v>
      </c>
      <c r="V39" s="107"/>
      <c r="W39" s="107"/>
      <c r="X39" s="219"/>
      <c r="Y39" s="107"/>
      <c r="Z39" s="107" t="s">
        <v>285</v>
      </c>
      <c r="AA39" s="587"/>
      <c r="AB39" s="587"/>
      <c r="AC39" s="587"/>
      <c r="AD39" s="587"/>
      <c r="AE39" s="587"/>
      <c r="AF39" s="587"/>
      <c r="AG39" s="587"/>
      <c r="AH39" s="24" t="s">
        <v>286</v>
      </c>
      <c r="AI39" s="107"/>
      <c r="AJ39" s="52"/>
      <c r="AL39" s="2" t="s">
        <v>294</v>
      </c>
      <c r="AM39" s="2" t="s">
        <v>295</v>
      </c>
      <c r="AN39" s="2" t="s">
        <v>297</v>
      </c>
      <c r="AO39" s="2" t="s">
        <v>303</v>
      </c>
      <c r="AP39" s="2" t="s">
        <v>298</v>
      </c>
      <c r="AQ39" s="2" t="s">
        <v>299</v>
      </c>
      <c r="AR39" s="2" t="s">
        <v>304</v>
      </c>
    </row>
    <row r="40" spans="1:49" ht="18" customHeight="1" x14ac:dyDescent="0.2">
      <c r="A40" s="565"/>
      <c r="B40" s="588" t="s">
        <v>67</v>
      </c>
      <c r="C40" s="589"/>
      <c r="D40" s="48" t="s">
        <v>300</v>
      </c>
      <c r="E40" s="48"/>
      <c r="F40" s="48"/>
      <c r="G40" s="48"/>
      <c r="H40" s="555"/>
      <c r="I40" s="555"/>
      <c r="J40" s="555"/>
      <c r="K40" s="555"/>
      <c r="L40" s="48"/>
      <c r="M40" s="48" t="s">
        <v>305</v>
      </c>
      <c r="N40" s="48"/>
      <c r="O40" s="48"/>
      <c r="P40" s="220"/>
      <c r="Q40" s="48"/>
      <c r="R40" s="49"/>
      <c r="S40" s="581"/>
      <c r="T40" s="582"/>
      <c r="U40" s="221" t="s">
        <v>197</v>
      </c>
      <c r="V40" s="556"/>
      <c r="W40" s="556"/>
      <c r="X40" s="556"/>
      <c r="Y40" s="556"/>
      <c r="Z40" s="556"/>
      <c r="AA40" s="64" t="s">
        <v>306</v>
      </c>
      <c r="AB40" s="64" t="s">
        <v>88</v>
      </c>
      <c r="AC40" s="64"/>
      <c r="AD40" s="557"/>
      <c r="AE40" s="558"/>
      <c r="AF40" s="558"/>
      <c r="AG40" s="558"/>
      <c r="AH40" s="71" t="s">
        <v>286</v>
      </c>
      <c r="AI40" s="64"/>
      <c r="AJ40" s="81"/>
      <c r="AL40" s="2" t="s">
        <v>307</v>
      </c>
      <c r="AM40" s="2" t="s">
        <v>308</v>
      </c>
    </row>
    <row r="41" spans="1:49" ht="18" customHeight="1" x14ac:dyDescent="0.2">
      <c r="A41" s="559" t="s">
        <v>309</v>
      </c>
      <c r="B41" s="560"/>
      <c r="C41" s="560"/>
      <c r="D41" s="523"/>
      <c r="E41" s="523"/>
      <c r="F41" s="523"/>
      <c r="G41" s="523"/>
      <c r="H41" s="50" t="s">
        <v>310</v>
      </c>
      <c r="I41" s="50"/>
      <c r="J41" s="189"/>
      <c r="K41" s="50" t="s">
        <v>311</v>
      </c>
      <c r="L41" s="50"/>
      <c r="M41" s="189"/>
      <c r="N41" s="222" t="s">
        <v>312</v>
      </c>
      <c r="O41" s="50" t="s">
        <v>313</v>
      </c>
      <c r="P41" s="50"/>
      <c r="Q41" s="189"/>
      <c r="R41" s="28" t="s">
        <v>314</v>
      </c>
      <c r="S41" s="581"/>
      <c r="T41" s="582"/>
      <c r="U41" s="166" t="s">
        <v>315</v>
      </c>
      <c r="V41" s="223"/>
      <c r="W41" s="223"/>
      <c r="X41" s="224"/>
      <c r="Y41" s="223" t="s">
        <v>316</v>
      </c>
      <c r="Z41" s="561"/>
      <c r="AA41" s="562"/>
      <c r="AB41" s="225"/>
      <c r="AC41" s="225"/>
      <c r="AD41" s="225"/>
      <c r="AE41" s="225"/>
      <c r="AF41" s="225"/>
      <c r="AG41" s="225"/>
      <c r="AH41" s="226"/>
      <c r="AI41" s="227" t="s">
        <v>317</v>
      </c>
      <c r="AJ41" s="228"/>
      <c r="AL41" s="2" t="s">
        <v>318</v>
      </c>
      <c r="AM41" s="2" t="s">
        <v>319</v>
      </c>
      <c r="AN41" s="2" t="s">
        <v>320</v>
      </c>
      <c r="AO41" s="2" t="s">
        <v>321</v>
      </c>
      <c r="AP41" s="2" t="s">
        <v>322</v>
      </c>
      <c r="AQ41" s="2" t="s">
        <v>323</v>
      </c>
      <c r="AR41" s="2" t="s">
        <v>324</v>
      </c>
    </row>
    <row r="42" spans="1:49" ht="18" customHeight="1" x14ac:dyDescent="0.2">
      <c r="A42" s="544" t="s">
        <v>68</v>
      </c>
      <c r="B42" s="545"/>
      <c r="C42" s="545"/>
      <c r="D42" s="94"/>
      <c r="E42" s="229"/>
      <c r="F42" s="94"/>
      <c r="G42" s="94" t="s">
        <v>325</v>
      </c>
      <c r="H42" s="94"/>
      <c r="I42" s="546"/>
      <c r="J42" s="546"/>
      <c r="K42" s="546"/>
      <c r="L42" s="546"/>
      <c r="M42" s="546"/>
      <c r="N42" s="546"/>
      <c r="O42" s="546"/>
      <c r="P42" s="546"/>
      <c r="Q42" s="546"/>
      <c r="R42" s="230" t="s">
        <v>326</v>
      </c>
      <c r="S42" s="583"/>
      <c r="T42" s="584"/>
      <c r="U42" s="8" t="s">
        <v>204</v>
      </c>
      <c r="V42" s="547"/>
      <c r="W42" s="547"/>
      <c r="X42" s="547"/>
      <c r="Y42" s="547"/>
      <c r="Z42" s="48" t="s">
        <v>327</v>
      </c>
      <c r="AA42" s="48"/>
      <c r="AB42" s="48" t="s">
        <v>88</v>
      </c>
      <c r="AC42" s="48"/>
      <c r="AD42" s="548"/>
      <c r="AE42" s="549"/>
      <c r="AF42" s="549"/>
      <c r="AG42" s="549"/>
      <c r="AH42" s="8" t="s">
        <v>326</v>
      </c>
      <c r="AI42" s="48"/>
      <c r="AJ42" s="38"/>
      <c r="AL42" s="2" t="s">
        <v>328</v>
      </c>
      <c r="AM42" s="2" t="s">
        <v>329</v>
      </c>
      <c r="AN42" s="2" t="s">
        <v>330</v>
      </c>
      <c r="AO42" s="2" t="s">
        <v>331</v>
      </c>
      <c r="AP42" s="2" t="s">
        <v>332</v>
      </c>
      <c r="AQ42" s="2" t="s">
        <v>333</v>
      </c>
      <c r="AR42" s="2" t="s">
        <v>334</v>
      </c>
    </row>
    <row r="43" spans="1:49" ht="18" customHeight="1" x14ac:dyDescent="0.2">
      <c r="A43" s="550" t="s">
        <v>69</v>
      </c>
      <c r="B43" s="527"/>
      <c r="C43" s="527"/>
      <c r="D43" s="95"/>
      <c r="E43" s="232"/>
      <c r="F43" s="95"/>
      <c r="G43" s="95" t="s">
        <v>325</v>
      </c>
      <c r="H43" s="95"/>
      <c r="I43" s="551"/>
      <c r="J43" s="551"/>
      <c r="K43" s="551"/>
      <c r="L43" s="551"/>
      <c r="M43" s="551"/>
      <c r="N43" s="551"/>
      <c r="O43" s="551"/>
      <c r="P43" s="551"/>
      <c r="Q43" s="551"/>
      <c r="R43" s="233" t="s">
        <v>314</v>
      </c>
      <c r="S43" s="552" t="s">
        <v>79</v>
      </c>
      <c r="T43" s="545"/>
      <c r="U43" s="545"/>
      <c r="V43" s="553"/>
      <c r="W43" s="553"/>
      <c r="X43" s="553"/>
      <c r="Y43" s="553"/>
      <c r="Z43" s="94" t="s">
        <v>335</v>
      </c>
      <c r="AA43" s="94"/>
      <c r="AB43" s="94"/>
      <c r="AC43" s="94"/>
      <c r="AD43" s="94"/>
      <c r="AE43" s="546"/>
      <c r="AF43" s="554"/>
      <c r="AG43" s="554"/>
      <c r="AH43" s="554"/>
      <c r="AI43" s="554"/>
      <c r="AJ43" s="234" t="s">
        <v>286</v>
      </c>
      <c r="AL43" s="2" t="s">
        <v>336</v>
      </c>
      <c r="AM43" s="2" t="s">
        <v>337</v>
      </c>
      <c r="AN43" s="2" t="s">
        <v>338</v>
      </c>
      <c r="AO43" s="2" t="s">
        <v>339</v>
      </c>
    </row>
    <row r="44" spans="1:49" ht="18" customHeight="1" x14ac:dyDescent="0.2">
      <c r="A44" s="521" t="s">
        <v>81</v>
      </c>
      <c r="B44" s="522"/>
      <c r="C44" s="522"/>
      <c r="D44" s="522"/>
      <c r="E44" s="522"/>
      <c r="F44" s="523"/>
      <c r="G44" s="523"/>
      <c r="H44" s="523"/>
      <c r="I44" s="523"/>
      <c r="J44" s="523"/>
      <c r="K44" s="235" t="s">
        <v>285</v>
      </c>
      <c r="L44" s="524"/>
      <c r="M44" s="525"/>
      <c r="N44" s="525"/>
      <c r="O44" s="525"/>
      <c r="P44" s="525"/>
      <c r="Q44" s="525"/>
      <c r="R44" s="236" t="s">
        <v>180</v>
      </c>
      <c r="S44" s="526" t="s">
        <v>80</v>
      </c>
      <c r="T44" s="527"/>
      <c r="U44" s="527"/>
      <c r="V44" s="528"/>
      <c r="W44" s="528"/>
      <c r="X44" s="528"/>
      <c r="Y44" s="528"/>
      <c r="Z44" s="528"/>
      <c r="AA44" s="528"/>
      <c r="AB44" s="237"/>
      <c r="AC44" s="95"/>
      <c r="AD44" s="95"/>
      <c r="AE44" s="95"/>
      <c r="AF44" s="95"/>
      <c r="AG44" s="238"/>
      <c r="AH44" s="95"/>
      <c r="AI44" s="95"/>
      <c r="AJ44" s="239"/>
      <c r="AL44" s="2" t="s">
        <v>340</v>
      </c>
      <c r="AM44" s="2" t="s">
        <v>341</v>
      </c>
      <c r="AN44" s="2" t="s">
        <v>342</v>
      </c>
    </row>
    <row r="45" spans="1:49" ht="18" customHeight="1" x14ac:dyDescent="0.2">
      <c r="A45" s="529" t="s">
        <v>149</v>
      </c>
      <c r="B45" s="530"/>
      <c r="C45" s="530"/>
      <c r="D45" s="535"/>
      <c r="E45" s="535"/>
      <c r="F45" s="536"/>
      <c r="G45" s="536"/>
      <c r="H45" s="536"/>
      <c r="I45" s="536"/>
      <c r="J45" s="536"/>
      <c r="K45" s="536"/>
      <c r="L45" s="536"/>
      <c r="M45" s="536"/>
      <c r="N45" s="536"/>
      <c r="O45" s="536"/>
      <c r="P45" s="536"/>
      <c r="Q45" s="536"/>
      <c r="R45" s="537"/>
      <c r="S45" s="538" t="s">
        <v>150</v>
      </c>
      <c r="T45" s="530"/>
      <c r="U45" s="530"/>
      <c r="V45" s="536"/>
      <c r="W45" s="536"/>
      <c r="X45" s="536"/>
      <c r="Y45" s="536"/>
      <c r="Z45" s="536"/>
      <c r="AA45" s="536"/>
      <c r="AB45" s="536"/>
      <c r="AC45" s="536"/>
      <c r="AD45" s="536"/>
      <c r="AE45" s="536"/>
      <c r="AF45" s="536"/>
      <c r="AG45" s="536"/>
      <c r="AH45" s="536"/>
      <c r="AI45" s="536"/>
      <c r="AJ45" s="541"/>
      <c r="AK45" s="107"/>
      <c r="AL45" s="2" t="s">
        <v>343</v>
      </c>
      <c r="AM45" s="2" t="s">
        <v>344</v>
      </c>
      <c r="AN45" s="2" t="s">
        <v>345</v>
      </c>
      <c r="AO45" s="2" t="s">
        <v>346</v>
      </c>
      <c r="AP45" s="2" t="s">
        <v>347</v>
      </c>
      <c r="AQ45" s="2" t="s">
        <v>348</v>
      </c>
      <c r="AR45" s="2" t="s">
        <v>349</v>
      </c>
      <c r="AS45" s="2" t="s">
        <v>350</v>
      </c>
      <c r="AT45" s="2" t="s">
        <v>351</v>
      </c>
      <c r="AU45" s="2" t="s">
        <v>352</v>
      </c>
      <c r="AV45" s="2" t="s">
        <v>353</v>
      </c>
      <c r="AW45" s="2" t="s">
        <v>354</v>
      </c>
    </row>
    <row r="46" spans="1:49" ht="18" customHeight="1" x14ac:dyDescent="0.2">
      <c r="A46" s="531"/>
      <c r="B46" s="532"/>
      <c r="C46" s="532"/>
      <c r="D46" s="536"/>
      <c r="E46" s="536"/>
      <c r="F46" s="536"/>
      <c r="G46" s="536"/>
      <c r="H46" s="536"/>
      <c r="I46" s="536"/>
      <c r="J46" s="536"/>
      <c r="K46" s="536"/>
      <c r="L46" s="536"/>
      <c r="M46" s="536"/>
      <c r="N46" s="536"/>
      <c r="O46" s="536"/>
      <c r="P46" s="536"/>
      <c r="Q46" s="536"/>
      <c r="R46" s="537"/>
      <c r="S46" s="539"/>
      <c r="T46" s="532"/>
      <c r="U46" s="532"/>
      <c r="V46" s="536"/>
      <c r="W46" s="536"/>
      <c r="X46" s="536"/>
      <c r="Y46" s="536"/>
      <c r="Z46" s="536"/>
      <c r="AA46" s="536"/>
      <c r="AB46" s="536"/>
      <c r="AC46" s="536"/>
      <c r="AD46" s="536"/>
      <c r="AE46" s="536"/>
      <c r="AF46" s="536"/>
      <c r="AG46" s="536"/>
      <c r="AH46" s="536"/>
      <c r="AI46" s="536"/>
      <c r="AJ46" s="541"/>
      <c r="AK46" s="107"/>
      <c r="AL46" s="2" t="s">
        <v>355</v>
      </c>
      <c r="AM46" s="2" t="s">
        <v>356</v>
      </c>
      <c r="AN46" s="2" t="s">
        <v>357</v>
      </c>
      <c r="AO46" s="2" t="s">
        <v>358</v>
      </c>
      <c r="AP46" s="2" t="s">
        <v>359</v>
      </c>
      <c r="AQ46" s="2" t="s">
        <v>360</v>
      </c>
      <c r="AR46" s="2" t="s">
        <v>361</v>
      </c>
      <c r="AS46" s="2" t="s">
        <v>362</v>
      </c>
      <c r="AT46" s="2" t="s">
        <v>363</v>
      </c>
      <c r="AU46" s="2" t="s">
        <v>364</v>
      </c>
      <c r="AV46" s="2" t="s">
        <v>365</v>
      </c>
    </row>
    <row r="47" spans="1:49" ht="18" customHeight="1" x14ac:dyDescent="0.2">
      <c r="A47" s="533"/>
      <c r="B47" s="534"/>
      <c r="C47" s="534"/>
      <c r="D47" s="536"/>
      <c r="E47" s="536"/>
      <c r="F47" s="536"/>
      <c r="G47" s="536"/>
      <c r="H47" s="536"/>
      <c r="I47" s="536"/>
      <c r="J47" s="536"/>
      <c r="K47" s="536"/>
      <c r="L47" s="536"/>
      <c r="M47" s="536"/>
      <c r="N47" s="536"/>
      <c r="O47" s="536"/>
      <c r="P47" s="536"/>
      <c r="Q47" s="536"/>
      <c r="R47" s="537"/>
      <c r="S47" s="540"/>
      <c r="T47" s="534"/>
      <c r="U47" s="534"/>
      <c r="V47" s="542"/>
      <c r="W47" s="542"/>
      <c r="X47" s="542"/>
      <c r="Y47" s="542"/>
      <c r="Z47" s="542"/>
      <c r="AA47" s="542"/>
      <c r="AB47" s="542"/>
      <c r="AC47" s="542"/>
      <c r="AD47" s="542"/>
      <c r="AE47" s="542"/>
      <c r="AF47" s="542"/>
      <c r="AG47" s="542"/>
      <c r="AH47" s="542"/>
      <c r="AI47" s="542"/>
      <c r="AJ47" s="543"/>
      <c r="AK47" s="28"/>
      <c r="AL47" s="2" t="s">
        <v>345</v>
      </c>
      <c r="AM47" s="2" t="s">
        <v>366</v>
      </c>
      <c r="AN47" s="2" t="s">
        <v>367</v>
      </c>
      <c r="AO47" s="2" t="s">
        <v>368</v>
      </c>
      <c r="AP47" s="2" t="s">
        <v>369</v>
      </c>
      <c r="AQ47" s="2" t="s">
        <v>370</v>
      </c>
      <c r="AR47" s="2" t="s">
        <v>371</v>
      </c>
      <c r="AS47" s="2" t="s">
        <v>352</v>
      </c>
      <c r="AT47" s="2" t="s">
        <v>364</v>
      </c>
      <c r="AU47" s="2" t="s">
        <v>372</v>
      </c>
    </row>
    <row r="48" spans="1:49" ht="18" customHeight="1" x14ac:dyDescent="0.2">
      <c r="A48" s="513" t="s">
        <v>89</v>
      </c>
      <c r="B48" s="514"/>
      <c r="C48" s="514"/>
      <c r="D48" s="517"/>
      <c r="E48" s="518"/>
      <c r="F48" s="518"/>
      <c r="G48" s="518"/>
      <c r="H48" s="518"/>
      <c r="I48" s="518"/>
      <c r="J48" s="518"/>
      <c r="K48" s="518"/>
      <c r="L48" s="518"/>
      <c r="M48" s="518"/>
      <c r="N48" s="240" t="s">
        <v>373</v>
      </c>
      <c r="O48" s="518"/>
      <c r="P48" s="518"/>
      <c r="Q48" s="518"/>
      <c r="R48" s="518"/>
      <c r="S48" s="518"/>
      <c r="T48" s="518"/>
      <c r="U48" s="240" t="s">
        <v>373</v>
      </c>
      <c r="V48" s="518"/>
      <c r="W48" s="518"/>
      <c r="X48" s="518"/>
      <c r="Y48" s="518"/>
      <c r="Z48" s="518"/>
      <c r="AA48" s="240" t="s">
        <v>373</v>
      </c>
      <c r="AB48" s="518"/>
      <c r="AC48" s="518"/>
      <c r="AD48" s="518"/>
      <c r="AE48" s="518"/>
      <c r="AF48" s="518"/>
      <c r="AG48" s="519"/>
      <c r="AH48" s="50"/>
      <c r="AI48" s="50"/>
      <c r="AJ48" s="37"/>
      <c r="AK48" s="107"/>
      <c r="AL48" s="2" t="s">
        <v>374</v>
      </c>
      <c r="AM48" s="2" t="s">
        <v>375</v>
      </c>
      <c r="AN48" s="2" t="s">
        <v>368</v>
      </c>
      <c r="AO48" s="2" t="s">
        <v>376</v>
      </c>
      <c r="AP48" s="2" t="s">
        <v>361</v>
      </c>
      <c r="AQ48" s="2" t="s">
        <v>377</v>
      </c>
      <c r="AR48" s="2" t="s">
        <v>352</v>
      </c>
      <c r="AS48" s="2" t="s">
        <v>378</v>
      </c>
      <c r="AT48" s="2" t="s">
        <v>379</v>
      </c>
    </row>
    <row r="49" spans="1:52" ht="18" customHeight="1" x14ac:dyDescent="0.2">
      <c r="A49" s="515"/>
      <c r="B49" s="516"/>
      <c r="C49" s="516"/>
      <c r="D49" s="520"/>
      <c r="E49" s="505"/>
      <c r="F49" s="505"/>
      <c r="G49" s="505"/>
      <c r="H49" s="505"/>
      <c r="I49" s="241" t="s">
        <v>373</v>
      </c>
      <c r="J49" s="505"/>
      <c r="K49" s="505"/>
      <c r="L49" s="505"/>
      <c r="M49" s="505"/>
      <c r="N49" s="241" t="s">
        <v>373</v>
      </c>
      <c r="O49" s="505"/>
      <c r="P49" s="505"/>
      <c r="Q49" s="505"/>
      <c r="R49" s="505"/>
      <c r="S49" s="241" t="s">
        <v>373</v>
      </c>
      <c r="T49" s="505"/>
      <c r="U49" s="505"/>
      <c r="V49" s="505"/>
      <c r="W49" s="505"/>
      <c r="X49" s="241" t="s">
        <v>373</v>
      </c>
      <c r="Y49" s="505"/>
      <c r="Z49" s="505"/>
      <c r="AA49" s="505"/>
      <c r="AB49" s="505"/>
      <c r="AC49" s="241" t="s">
        <v>373</v>
      </c>
      <c r="AD49" s="505"/>
      <c r="AE49" s="505"/>
      <c r="AF49" s="505"/>
      <c r="AG49" s="241" t="s">
        <v>373</v>
      </c>
      <c r="AH49" s="505"/>
      <c r="AI49" s="506"/>
      <c r="AJ49" s="38"/>
      <c r="AK49" s="107"/>
      <c r="AL49" s="2" t="s">
        <v>358</v>
      </c>
      <c r="AM49" s="2" t="s">
        <v>380</v>
      </c>
      <c r="AN49" s="2" t="s">
        <v>381</v>
      </c>
      <c r="AO49" s="2" t="s">
        <v>382</v>
      </c>
      <c r="AP49" s="2" t="s">
        <v>371</v>
      </c>
      <c r="AQ49" s="2" t="s">
        <v>383</v>
      </c>
      <c r="AR49" s="2" t="s">
        <v>384</v>
      </c>
      <c r="AS49" s="2" t="s">
        <v>385</v>
      </c>
    </row>
    <row r="50" spans="1:52" ht="18" customHeight="1" x14ac:dyDescent="0.2">
      <c r="A50" s="507" t="s">
        <v>386</v>
      </c>
      <c r="B50" s="508"/>
      <c r="C50" s="509"/>
      <c r="D50" s="510"/>
      <c r="E50" s="511"/>
      <c r="F50" s="242" t="s">
        <v>387</v>
      </c>
      <c r="G50" s="512"/>
      <c r="H50" s="512"/>
      <c r="I50" s="512"/>
      <c r="J50" s="512"/>
      <c r="K50" s="512"/>
      <c r="L50" s="512"/>
      <c r="M50" s="512"/>
      <c r="N50" s="512"/>
      <c r="O50" s="512"/>
      <c r="P50" s="512"/>
      <c r="Q50" s="512"/>
      <c r="R50" s="512"/>
      <c r="S50" s="512"/>
      <c r="T50" s="512"/>
      <c r="U50" s="512"/>
      <c r="V50" s="512"/>
      <c r="W50" s="512"/>
      <c r="X50" s="512"/>
      <c r="Y50" s="512"/>
      <c r="Z50" s="512"/>
      <c r="AA50" s="512"/>
      <c r="AB50" s="512"/>
      <c r="AC50" s="512"/>
      <c r="AD50" s="512"/>
      <c r="AE50" s="512"/>
      <c r="AF50" s="512"/>
      <c r="AG50" s="512"/>
      <c r="AH50" s="512"/>
      <c r="AI50" s="512"/>
      <c r="AJ50" s="54" t="s">
        <v>388</v>
      </c>
      <c r="AK50" s="107"/>
      <c r="AL50" s="33"/>
      <c r="AM50" s="33"/>
      <c r="AN50" s="33"/>
      <c r="AO50" s="33"/>
      <c r="AP50" s="33"/>
      <c r="AQ50" s="33"/>
      <c r="AR50" s="33"/>
      <c r="AS50" s="33"/>
      <c r="AT50" s="33"/>
      <c r="AU50" s="33"/>
      <c r="AV50" s="33"/>
      <c r="AW50" s="33"/>
      <c r="AX50" s="33"/>
    </row>
    <row r="51" spans="1:52" ht="18" customHeight="1" x14ac:dyDescent="0.2">
      <c r="A51" s="39" t="s">
        <v>90</v>
      </c>
      <c r="B51" s="107"/>
      <c r="C51" s="107"/>
      <c r="D51" s="107"/>
      <c r="E51" s="107"/>
      <c r="F51" s="107"/>
      <c r="G51" s="107"/>
      <c r="H51" s="107"/>
      <c r="I51" s="107"/>
      <c r="J51" s="107"/>
      <c r="K51" s="107"/>
      <c r="L51" s="107"/>
      <c r="M51" s="107"/>
      <c r="N51" s="107"/>
      <c r="O51" s="107"/>
      <c r="P51" s="107"/>
      <c r="Q51" s="107"/>
      <c r="R51" s="107"/>
      <c r="S51" s="107"/>
      <c r="T51" s="107"/>
      <c r="U51" s="107"/>
      <c r="V51" s="107"/>
      <c r="W51" s="107"/>
      <c r="X51" s="107"/>
      <c r="Y51" s="107"/>
      <c r="Z51" s="107"/>
      <c r="AA51" s="107"/>
      <c r="AB51" s="107"/>
      <c r="AC51" s="107"/>
      <c r="AD51" s="107"/>
      <c r="AE51" s="107"/>
      <c r="AF51" s="107"/>
      <c r="AG51" s="107"/>
      <c r="AH51" s="107"/>
      <c r="AI51" s="107"/>
      <c r="AJ51" s="52"/>
      <c r="AL51" s="2" t="s">
        <v>389</v>
      </c>
      <c r="AM51" s="2" t="s">
        <v>349</v>
      </c>
      <c r="AN51" s="2" t="s">
        <v>390</v>
      </c>
      <c r="AO51" s="2" t="s">
        <v>391</v>
      </c>
      <c r="AP51" s="2" t="s">
        <v>392</v>
      </c>
      <c r="AQ51" s="2" t="s">
        <v>364</v>
      </c>
      <c r="AR51" s="2" t="s">
        <v>354</v>
      </c>
    </row>
    <row r="52" spans="1:52" ht="18" customHeight="1" x14ac:dyDescent="0.2">
      <c r="A52" s="429"/>
      <c r="B52" s="430"/>
      <c r="C52" s="430"/>
      <c r="D52" s="430"/>
      <c r="E52" s="430"/>
      <c r="F52" s="430"/>
      <c r="G52" s="430"/>
      <c r="H52" s="430"/>
      <c r="I52" s="430"/>
      <c r="J52" s="430"/>
      <c r="K52" s="430"/>
      <c r="L52" s="430"/>
      <c r="M52" s="430"/>
      <c r="N52" s="430"/>
      <c r="O52" s="430"/>
      <c r="P52" s="430"/>
      <c r="Q52" s="430"/>
      <c r="R52" s="430"/>
      <c r="S52" s="430"/>
      <c r="T52" s="430"/>
      <c r="U52" s="430"/>
      <c r="V52" s="430"/>
      <c r="W52" s="430"/>
      <c r="X52" s="430"/>
      <c r="Y52" s="430"/>
      <c r="Z52" s="430"/>
      <c r="AA52" s="430"/>
      <c r="AB52" s="430"/>
      <c r="AC52" s="430"/>
      <c r="AD52" s="430"/>
      <c r="AE52" s="430"/>
      <c r="AF52" s="430"/>
      <c r="AG52" s="430"/>
      <c r="AH52" s="430"/>
      <c r="AI52" s="430"/>
      <c r="AJ52" s="431"/>
      <c r="AL52" s="2" t="s">
        <v>393</v>
      </c>
      <c r="AM52" s="2" t="s">
        <v>390</v>
      </c>
      <c r="AN52" s="2" t="s">
        <v>362</v>
      </c>
      <c r="AO52" s="2" t="s">
        <v>383</v>
      </c>
      <c r="AP52" s="2" t="s">
        <v>394</v>
      </c>
      <c r="AQ52" s="2" t="s">
        <v>365</v>
      </c>
    </row>
    <row r="53" spans="1:52" ht="18" customHeight="1" thickBot="1" x14ac:dyDescent="0.25">
      <c r="A53" s="432"/>
      <c r="B53" s="433"/>
      <c r="C53" s="433"/>
      <c r="D53" s="433"/>
      <c r="E53" s="433"/>
      <c r="F53" s="433"/>
      <c r="G53" s="433"/>
      <c r="H53" s="433"/>
      <c r="I53" s="433"/>
      <c r="J53" s="433"/>
      <c r="K53" s="433"/>
      <c r="L53" s="433"/>
      <c r="M53" s="433"/>
      <c r="N53" s="433"/>
      <c r="O53" s="433"/>
      <c r="P53" s="433"/>
      <c r="Q53" s="433"/>
      <c r="R53" s="433"/>
      <c r="S53" s="433"/>
      <c r="T53" s="433"/>
      <c r="U53" s="433"/>
      <c r="V53" s="433"/>
      <c r="W53" s="433"/>
      <c r="X53" s="433"/>
      <c r="Y53" s="433"/>
      <c r="Z53" s="433"/>
      <c r="AA53" s="433"/>
      <c r="AB53" s="433"/>
      <c r="AC53" s="433"/>
      <c r="AD53" s="433"/>
      <c r="AE53" s="433"/>
      <c r="AF53" s="433"/>
      <c r="AG53" s="433"/>
      <c r="AH53" s="433"/>
      <c r="AI53" s="433"/>
      <c r="AJ53" s="434"/>
      <c r="AL53" s="2" t="s">
        <v>395</v>
      </c>
      <c r="AM53" s="2" t="s">
        <v>351</v>
      </c>
      <c r="AN53" s="2" t="s">
        <v>396</v>
      </c>
      <c r="AO53" s="2" t="s">
        <v>364</v>
      </c>
      <c r="AP53" s="2" t="s">
        <v>397</v>
      </c>
    </row>
    <row r="54" spans="1:52" ht="18" customHeight="1" x14ac:dyDescent="0.2">
      <c r="AL54" s="2" t="s">
        <v>398</v>
      </c>
      <c r="AM54" s="2" t="s">
        <v>363</v>
      </c>
      <c r="AN54" s="2" t="s">
        <v>399</v>
      </c>
      <c r="AO54" s="2" t="s">
        <v>400</v>
      </c>
    </row>
    <row r="55" spans="1:52" ht="18" customHeight="1" x14ac:dyDescent="0.2">
      <c r="AL55" s="2" t="s">
        <v>401</v>
      </c>
      <c r="AM55" s="2" t="s">
        <v>399</v>
      </c>
      <c r="AN55" s="2" t="s">
        <v>372</v>
      </c>
    </row>
    <row r="56" spans="1:52" ht="17.25" customHeight="1" x14ac:dyDescent="0.2">
      <c r="AL56" s="2" t="s">
        <v>399</v>
      </c>
      <c r="AM56" s="2" t="s">
        <v>379</v>
      </c>
    </row>
    <row r="57" spans="1:52" ht="17.25" customHeight="1" x14ac:dyDescent="0.2">
      <c r="AL57" s="2" t="s">
        <v>379</v>
      </c>
    </row>
    <row r="58" spans="1:52" ht="17.25" customHeight="1" x14ac:dyDescent="0.2">
      <c r="AL58" s="2" t="s">
        <v>402</v>
      </c>
      <c r="AM58" s="2" t="s">
        <v>403</v>
      </c>
      <c r="AN58" s="2" t="s">
        <v>404</v>
      </c>
      <c r="AO58" s="2" t="s">
        <v>405</v>
      </c>
      <c r="AP58" s="2" t="s">
        <v>406</v>
      </c>
    </row>
    <row r="59" spans="1:52" ht="17.25" customHeight="1" x14ac:dyDescent="0.2">
      <c r="AK59" s="26"/>
      <c r="AL59" s="2" t="s">
        <v>78</v>
      </c>
      <c r="AM59" s="2" t="s">
        <v>407</v>
      </c>
      <c r="AN59" s="2" t="s">
        <v>408</v>
      </c>
    </row>
    <row r="60" spans="1:52" ht="17.25" customHeight="1" x14ac:dyDescent="0.2">
      <c r="AL60" s="2" t="s">
        <v>409</v>
      </c>
      <c r="AM60" s="26"/>
      <c r="AN60" s="2" t="s">
        <v>410</v>
      </c>
      <c r="AP60" s="2" t="s">
        <v>411</v>
      </c>
      <c r="AR60" s="2" t="s">
        <v>412</v>
      </c>
      <c r="AT60" s="2" t="s">
        <v>413</v>
      </c>
      <c r="AV60" s="2" t="s">
        <v>414</v>
      </c>
      <c r="AX60" s="2" t="s">
        <v>415</v>
      </c>
      <c r="AZ60" s="2" t="s">
        <v>416</v>
      </c>
    </row>
    <row r="61" spans="1:52" ht="17.25" customHeight="1" x14ac:dyDescent="0.2">
      <c r="AL61" s="2" t="s">
        <v>417</v>
      </c>
      <c r="AM61" s="2" t="s">
        <v>418</v>
      </c>
      <c r="AN61" s="2" t="s">
        <v>419</v>
      </c>
    </row>
    <row r="62" spans="1:52" ht="17.25" customHeight="1" x14ac:dyDescent="0.2">
      <c r="AL62" s="2" t="s">
        <v>418</v>
      </c>
      <c r="AM62" s="2" t="s">
        <v>419</v>
      </c>
    </row>
    <row r="63" spans="1:52" ht="17.25" customHeight="1" x14ac:dyDescent="0.2">
      <c r="AL63" s="2" t="s">
        <v>419</v>
      </c>
    </row>
    <row r="64" spans="1:52" ht="17.25" customHeight="1" x14ac:dyDescent="0.2">
      <c r="AL64" s="2" t="s">
        <v>206</v>
      </c>
      <c r="AM64" s="2" t="s">
        <v>420</v>
      </c>
      <c r="AN64" s="2" t="s">
        <v>421</v>
      </c>
      <c r="AO64" s="2" t="s">
        <v>422</v>
      </c>
    </row>
    <row r="65" spans="38:45" ht="17.25" customHeight="1" x14ac:dyDescent="0.2">
      <c r="AL65" s="34" t="s">
        <v>423</v>
      </c>
    </row>
    <row r="66" spans="38:45" ht="17.25" customHeight="1" x14ac:dyDescent="0.2">
      <c r="AL66" s="2" t="s">
        <v>424</v>
      </c>
      <c r="AM66" s="2" t="s">
        <v>425</v>
      </c>
      <c r="AN66" s="2" t="s">
        <v>426</v>
      </c>
    </row>
    <row r="67" spans="38:45" ht="17.25" customHeight="1" x14ac:dyDescent="0.2">
      <c r="AL67" s="243"/>
      <c r="AM67" s="243"/>
      <c r="AN67" s="243"/>
      <c r="AO67" s="243"/>
      <c r="AP67" s="243"/>
      <c r="AQ67" s="243"/>
      <c r="AR67" s="243"/>
      <c r="AS67" s="243"/>
    </row>
    <row r="68" spans="38:45" ht="17.25" customHeight="1" x14ac:dyDescent="0.2">
      <c r="AN68" s="243"/>
    </row>
  </sheetData>
  <mergeCells count="180">
    <mergeCell ref="N1:W1"/>
    <mergeCell ref="A3:J3"/>
    <mergeCell ref="K3:L3"/>
    <mergeCell ref="R3:T3"/>
    <mergeCell ref="U3:AJ3"/>
    <mergeCell ref="A4:J4"/>
    <mergeCell ref="K4:L4"/>
    <mergeCell ref="R4:T4"/>
    <mergeCell ref="U4:Z4"/>
    <mergeCell ref="AA4:AC4"/>
    <mergeCell ref="AD4:AJ4"/>
    <mergeCell ref="R5:T5"/>
    <mergeCell ref="U5:Z5"/>
    <mergeCell ref="AA5:AC5"/>
    <mergeCell ref="AD5:AJ5"/>
    <mergeCell ref="X6:Y6"/>
    <mergeCell ref="Z6:AA6"/>
    <mergeCell ref="AC6:AD6"/>
    <mergeCell ref="AF6:AG6"/>
    <mergeCell ref="AC8:AD8"/>
    <mergeCell ref="AF8:AG8"/>
    <mergeCell ref="A9:E9"/>
    <mergeCell ref="F9:K10"/>
    <mergeCell ref="M9:N9"/>
    <mergeCell ref="W9:W10"/>
    <mergeCell ref="X9:AJ10"/>
    <mergeCell ref="A10:E10"/>
    <mergeCell ref="M10:N10"/>
    <mergeCell ref="C8:D8"/>
    <mergeCell ref="E8:F8"/>
    <mergeCell ref="H8:I8"/>
    <mergeCell ref="K8:L8"/>
    <mergeCell ref="X8:Y8"/>
    <mergeCell ref="Z8:AA8"/>
    <mergeCell ref="A11:E13"/>
    <mergeCell ref="G11:J11"/>
    <mergeCell ref="O11:R11"/>
    <mergeCell ref="W11:W12"/>
    <mergeCell ref="X11:AJ12"/>
    <mergeCell ref="H12:N12"/>
    <mergeCell ref="Q12:V12"/>
    <mergeCell ref="G13:N13"/>
    <mergeCell ref="P13:V13"/>
    <mergeCell ref="W13:W20"/>
    <mergeCell ref="A21:E22"/>
    <mergeCell ref="F21:G21"/>
    <mergeCell ref="M21:N21"/>
    <mergeCell ref="W21:W26"/>
    <mergeCell ref="F22:G22"/>
    <mergeCell ref="M22:N22"/>
    <mergeCell ref="R22:V22"/>
    <mergeCell ref="A23:E24"/>
    <mergeCell ref="A25:E25"/>
    <mergeCell ref="A26:E26"/>
    <mergeCell ref="F26:H26"/>
    <mergeCell ref="I26:J26"/>
    <mergeCell ref="L26:M26"/>
    <mergeCell ref="P26:Q26"/>
    <mergeCell ref="T26:U26"/>
    <mergeCell ref="A29:A32"/>
    <mergeCell ref="B29:C29"/>
    <mergeCell ref="D29:H29"/>
    <mergeCell ref="M29:N29"/>
    <mergeCell ref="S29:S33"/>
    <mergeCell ref="B32:C32"/>
    <mergeCell ref="D32:H32"/>
    <mergeCell ref="N32:R32"/>
    <mergeCell ref="T32:T33"/>
    <mergeCell ref="U32:W32"/>
    <mergeCell ref="X32:AB32"/>
    <mergeCell ref="X33:AB33"/>
    <mergeCell ref="AC30:AE30"/>
    <mergeCell ref="AF30:AJ30"/>
    <mergeCell ref="F31:G31"/>
    <mergeCell ref="U31:W31"/>
    <mergeCell ref="X31:AB31"/>
    <mergeCell ref="AC31:AE31"/>
    <mergeCell ref="AF31:AJ31"/>
    <mergeCell ref="T29:T31"/>
    <mergeCell ref="U29:W29"/>
    <mergeCell ref="X29:AB29"/>
    <mergeCell ref="AC29:AE29"/>
    <mergeCell ref="AF29:AJ29"/>
    <mergeCell ref="B30:C31"/>
    <mergeCell ref="F30:I30"/>
    <mergeCell ref="L30:P30"/>
    <mergeCell ref="U30:W30"/>
    <mergeCell ref="X30:AB30"/>
    <mergeCell ref="A33:A35"/>
    <mergeCell ref="B33:C33"/>
    <mergeCell ref="D33:H33"/>
    <mergeCell ref="J33:K33"/>
    <mergeCell ref="L33:P33"/>
    <mergeCell ref="U33:W33"/>
    <mergeCell ref="E35:H35"/>
    <mergeCell ref="L35:O35"/>
    <mergeCell ref="S35:T35"/>
    <mergeCell ref="U35:X35"/>
    <mergeCell ref="AC33:AD33"/>
    <mergeCell ref="AE33:AJ33"/>
    <mergeCell ref="B34:C34"/>
    <mergeCell ref="D34:E34"/>
    <mergeCell ref="J34:L34"/>
    <mergeCell ref="S34:T34"/>
    <mergeCell ref="U34:Y34"/>
    <mergeCell ref="AC34:AD34"/>
    <mergeCell ref="AE34:AI34"/>
    <mergeCell ref="AB35:AC35"/>
    <mergeCell ref="AE35:AI35"/>
    <mergeCell ref="B36:C36"/>
    <mergeCell ref="E36:I36"/>
    <mergeCell ref="N36:Q36"/>
    <mergeCell ref="S36:T42"/>
    <mergeCell ref="AA36:AG36"/>
    <mergeCell ref="H39:K39"/>
    <mergeCell ref="AA39:AG39"/>
    <mergeCell ref="B40:C40"/>
    <mergeCell ref="H40:K40"/>
    <mergeCell ref="V40:Z40"/>
    <mergeCell ref="AD40:AG40"/>
    <mergeCell ref="A41:C41"/>
    <mergeCell ref="D41:G41"/>
    <mergeCell ref="Z41:AA41"/>
    <mergeCell ref="A37:A40"/>
    <mergeCell ref="B37:C37"/>
    <mergeCell ref="E37:I37"/>
    <mergeCell ref="N37:Q37"/>
    <mergeCell ref="AC37:AG37"/>
    <mergeCell ref="B38:C38"/>
    <mergeCell ref="E38:I38"/>
    <mergeCell ref="M38:Q38"/>
    <mergeCell ref="AA38:AG38"/>
    <mergeCell ref="B39:C39"/>
    <mergeCell ref="A42:C42"/>
    <mergeCell ref="I42:Q42"/>
    <mergeCell ref="V42:Y42"/>
    <mergeCell ref="AD42:AG42"/>
    <mergeCell ref="A43:C43"/>
    <mergeCell ref="I43:Q43"/>
    <mergeCell ref="S43:U43"/>
    <mergeCell ref="V43:Y43"/>
    <mergeCell ref="AE43:AI43"/>
    <mergeCell ref="A44:E44"/>
    <mergeCell ref="F44:J44"/>
    <mergeCell ref="L44:Q44"/>
    <mergeCell ref="S44:U44"/>
    <mergeCell ref="V44:AA44"/>
    <mergeCell ref="A45:C47"/>
    <mergeCell ref="D45:R47"/>
    <mergeCell ref="S45:U47"/>
    <mergeCell ref="V45:AJ47"/>
    <mergeCell ref="AD49:AF49"/>
    <mergeCell ref="AH49:AI49"/>
    <mergeCell ref="A50:C50"/>
    <mergeCell ref="D50:E50"/>
    <mergeCell ref="G50:AI50"/>
    <mergeCell ref="A52:AJ53"/>
    <mergeCell ref="A48:C49"/>
    <mergeCell ref="D48:M48"/>
    <mergeCell ref="O48:T48"/>
    <mergeCell ref="V48:Z48"/>
    <mergeCell ref="AB48:AG48"/>
    <mergeCell ref="D49:H49"/>
    <mergeCell ref="J49:M49"/>
    <mergeCell ref="O49:R49"/>
    <mergeCell ref="T49:W49"/>
    <mergeCell ref="Y49:AB49"/>
    <mergeCell ref="C18:V18"/>
    <mergeCell ref="C19:V19"/>
    <mergeCell ref="C20:V20"/>
    <mergeCell ref="F14:I14"/>
    <mergeCell ref="J14:V14"/>
    <mergeCell ref="F16:I16"/>
    <mergeCell ref="J16:V16"/>
    <mergeCell ref="H17:L17"/>
    <mergeCell ref="P17:V17"/>
    <mergeCell ref="A14:E17"/>
    <mergeCell ref="A18:B20"/>
    <mergeCell ref="H15:L15"/>
    <mergeCell ref="P15:V15"/>
  </mergeCells>
  <phoneticPr fontId="2"/>
  <dataValidations count="48">
    <dataValidation type="list" allowBlank="1" showInputMessage="1" showErrorMessage="1" sqref="F22:G22">
      <formula1>$AO$21:$AQ$21</formula1>
    </dataValidation>
    <dataValidation type="list" allowBlank="1" showInputMessage="1" showErrorMessage="1" sqref="D50:E50">
      <formula1>$AK$66:$AN$66</formula1>
    </dataValidation>
    <dataValidation type="list" allowBlank="1" showInputMessage="1" showErrorMessage="1" sqref="I49 S49 X49 AC49 AG49 U48 AA48 N48:N49">
      <formula1>$AK$65:$AL$65</formula1>
    </dataValidation>
    <dataValidation type="list" allowBlank="1" showInputMessage="1" showErrorMessage="1" sqref="L35:O35 E35:H35">
      <formula1>$AK$31:$AP$31</formula1>
    </dataValidation>
    <dataValidation type="list" allowBlank="1" showInputMessage="1" showErrorMessage="1" sqref="H39:K40">
      <formula1>$AK$36:$AN$36</formula1>
    </dataValidation>
    <dataValidation type="list" allowBlank="1" showInputMessage="1" showErrorMessage="1" sqref="P39:P40 M41 Q41 N26 R26 V26 F25 P21 F31:G31 D34:E34 J41 E42:E43 X36 Z37 X38:X39 X41 AB35:AC35">
      <formula1>$AK$24:$AM$24</formula1>
    </dataValidation>
    <dataValidation type="list" allowBlank="1" showInputMessage="1" showErrorMessage="1" sqref="AH41">
      <formula1>$AY$60:$AZ$60</formula1>
    </dataValidation>
    <dataValidation type="list" allowBlank="1" showInputMessage="1" showErrorMessage="1" sqref="AG41">
      <formula1>$AW$60:$AX$60</formula1>
    </dataValidation>
    <dataValidation type="list" allowBlank="1" showInputMessage="1" showErrorMessage="1" sqref="AF41">
      <formula1>$AU$60:$AV$60</formula1>
    </dataValidation>
    <dataValidation type="list" allowBlank="1" showInputMessage="1" showErrorMessage="1" sqref="AE41">
      <formula1>$AS$60:$AT$60</formula1>
    </dataValidation>
    <dataValidation type="list" allowBlank="1" showInputMessage="1" showErrorMessage="1" sqref="AD41">
      <formula1>$AQ$60:$AR$60</formula1>
    </dataValidation>
    <dataValidation type="list" allowBlank="1" showInputMessage="1" showErrorMessage="1" sqref="I26:J26">
      <formula1>$AK$64:$AO$64</formula1>
    </dataValidation>
    <dataValidation type="list" allowBlank="1" showInputMessage="1" showErrorMessage="1" sqref="AC41">
      <formula1>$AO$60:$AP$60</formula1>
    </dataValidation>
    <dataValidation type="list" allowBlank="1" showInputMessage="1" showErrorMessage="1" sqref="AB41">
      <formula1>$AM$60:$AN$60</formula1>
    </dataValidation>
    <dataValidation type="list" allowBlank="1" showInputMessage="1" showErrorMessage="1" sqref="Y41:AA41">
      <formula1>$AK$60:$AL$60</formula1>
    </dataValidation>
    <dataValidation type="list" allowBlank="1" showInputMessage="1" showErrorMessage="1" sqref="V43:Y43">
      <formula1>$AK$59:$AN$59</formula1>
    </dataValidation>
    <dataValidation type="list" allowBlank="1" showInputMessage="1" showErrorMessage="1" sqref="F44:J44">
      <formula1>$AK$43:$AO$43</formula1>
    </dataValidation>
    <dataValidation type="list" allowBlank="1" showInputMessage="1" showErrorMessage="1" sqref="U35:X35">
      <formula1>$AK$40:$AM$40</formula1>
    </dataValidation>
    <dataValidation type="list" allowBlank="1" showInputMessage="1" showErrorMessage="1" sqref="V44:AB44">
      <formula1>$AK$58:$AP$58</formula1>
    </dataValidation>
    <dataValidation type="list" allowBlank="1" showInputMessage="1" showErrorMessage="1" sqref="AE33:AJ33">
      <formula1>$AK$39:$AR$39</formula1>
    </dataValidation>
    <dataValidation type="list" allowBlank="1" showInputMessage="1" showErrorMessage="1" sqref="X33:AB33">
      <formula1>$AK$38:$AQ$38</formula1>
    </dataValidation>
    <dataValidation type="list" allowBlank="1" showInputMessage="1" showErrorMessage="1" sqref="L33:P33 D29:H29 D33:H33 E36:I36 U34:Y34 AE34:AI34 X29:AB32 AF29:AJ31 D41:G41">
      <formula1>$AK$25:$AO$25</formula1>
    </dataValidation>
    <dataValidation type="list" allowBlank="1" showInputMessage="1" showErrorMessage="1" sqref="O9">
      <formula1>$AL$9:$AP$9</formula1>
    </dataValidation>
    <dataValidation type="list" allowBlank="1" showInputMessage="1" showErrorMessage="1" sqref="D48:M48">
      <formula1>$AK$45:$AW$45</formula1>
    </dataValidation>
    <dataValidation type="list" allowBlank="1" showInputMessage="1" showErrorMessage="1" sqref="O48:T48">
      <formula1>$AK$47:$AU$47</formula1>
    </dataValidation>
    <dataValidation type="list" allowBlank="1" showInputMessage="1" showErrorMessage="1" sqref="V48:Z48">
      <formula1>$AK$48:$AT$48</formula1>
    </dataValidation>
    <dataValidation type="list" allowBlank="1" showInputMessage="1" showErrorMessage="1" sqref="AB48:AG48">
      <formula1>$AK$49:$AS$49</formula1>
    </dataValidation>
    <dataValidation type="list" allowBlank="1" showInputMessage="1" showErrorMessage="1" sqref="D49:H49">
      <formula1>$AK$51:$AR$51</formula1>
    </dataValidation>
    <dataValidation type="list" allowBlank="1" showInputMessage="1" showErrorMessage="1" sqref="J49:M49">
      <formula1>$AK$52:$AQ$52</formula1>
    </dataValidation>
    <dataValidation type="list" allowBlank="1" showInputMessage="1" showErrorMessage="1" sqref="O49:R49">
      <formula1>$AK$53:$AP$53</formula1>
    </dataValidation>
    <dataValidation type="list" allowBlank="1" showInputMessage="1" showErrorMessage="1" sqref="T49:W49">
      <formula1>$AK$54:$AO$54</formula1>
    </dataValidation>
    <dataValidation type="list" allowBlank="1" showInputMessage="1" showErrorMessage="1" sqref="Y49:AB49">
      <formula1>$AK$55:$AN$55</formula1>
    </dataValidation>
    <dataValidation type="list" allowBlank="1" showInputMessage="1" showErrorMessage="1" sqref="AD49:AF49">
      <formula1>$AK$56:$AM$56</formula1>
    </dataValidation>
    <dataValidation type="list" allowBlank="1" showInputMessage="1" showErrorMessage="1" sqref="AH49:AI49">
      <formula1>$AK$57:$AL$57</formula1>
    </dataValidation>
    <dataValidation type="list" allowBlank="1" showInputMessage="1" showErrorMessage="1" sqref="AA39:AG39">
      <formula1>$AK$41:$AR$41</formula1>
    </dataValidation>
    <dataValidation type="list" allowBlank="1" showInputMessage="1" showErrorMessage="1" sqref="V40:Z40">
      <formula1>$AK$42:$AR$42</formula1>
    </dataValidation>
    <dataValidation type="list" allowBlank="1" showInputMessage="1" showErrorMessage="1" sqref="V42:Y42">
      <formula1>$AK$44:$AN$44</formula1>
    </dataValidation>
    <dataValidation type="list" allowBlank="1" showInputMessage="1" showErrorMessage="1" sqref="E38:I38">
      <formula1>$AK$35:$AM$35</formula1>
    </dataValidation>
    <dataValidation type="list" allowBlank="1" showInputMessage="1" showErrorMessage="1" sqref="N37:Q37">
      <formula1>$AK$34:$AM$34</formula1>
    </dataValidation>
    <dataValidation type="list" allowBlank="1" showInputMessage="1" showErrorMessage="1" sqref="E37:I37">
      <formula1>$AK$33:$AM$33</formula1>
    </dataValidation>
    <dataValidation type="list" allowBlank="1" showInputMessage="1" showErrorMessage="1" sqref="N36:Q36">
      <formula1>$AK$32:$AN$32</formula1>
    </dataValidation>
    <dataValidation type="list" allowBlank="1" showInputMessage="1" showErrorMessage="1" sqref="J34">
      <formula1>$AK$30:$AN$30</formula1>
    </dataValidation>
    <dataValidation type="list" allowBlank="1" showInputMessage="1" showErrorMessage="1" sqref="N32:R32">
      <formula1>$AK$29:$AN$29</formula1>
    </dataValidation>
    <dataValidation type="list" allowBlank="1" showInputMessage="1" showErrorMessage="1" sqref="D32:H32">
      <formula1>$AK$28:$AP$28</formula1>
    </dataValidation>
    <dataValidation type="list" allowBlank="1" showInputMessage="1" showErrorMessage="1" sqref="L30:P30">
      <formula1>$AK$27:$AQ$27</formula1>
    </dataValidation>
    <dataValidation type="list" allowBlank="1" showInputMessage="1" showErrorMessage="1" sqref="M29:N29">
      <formula1>$AK$23:$AQ$23</formula1>
    </dataValidation>
    <dataValidation type="list" allowBlank="1" showInputMessage="1" showErrorMessage="1" sqref="F30:I30">
      <formula1>$AK$26:$AO$26</formula1>
    </dataValidation>
    <dataValidation type="list" allowBlank="1" showInputMessage="1" showErrorMessage="1" sqref="I22">
      <formula1>$AK$23:$AP$23</formula1>
    </dataValidation>
  </dataValidations>
  <printOptions horizontalCentered="1" verticalCentered="1"/>
  <pageMargins left="0.11811023622047245" right="0" top="0.19685039370078741" bottom="0.19685039370078741" header="0.51181102362204722" footer="0.31496062992125984"/>
  <pageSetup paperSize="9" scale="93" orientation="portrait" r:id="rId1"/>
  <headerFooter>
    <oddFooter>&amp;L&amp;"MS UI Gothic,標準"&amp;12&amp;Y　　※基本情報は、利用者本人及び家族の同意に基づき提供しています。</oddFooter>
  </headerFooter>
  <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R67"/>
  <sheetViews>
    <sheetView view="pageBreakPreview" zoomScaleNormal="100" zoomScaleSheetLayoutView="100" workbookViewId="0">
      <selection activeCell="F1" sqref="F1"/>
    </sheetView>
  </sheetViews>
  <sheetFormatPr defaultColWidth="2.90625" defaultRowHeight="17.25" customHeight="1" x14ac:dyDescent="0.2"/>
  <cols>
    <col min="1" max="14" width="2.90625" style="2"/>
    <col min="15" max="15" width="2.90625" style="2" customWidth="1"/>
    <col min="16" max="16" width="2.90625" style="2"/>
    <col min="17" max="17" width="2.90625" style="2" customWidth="1"/>
    <col min="18" max="18" width="2.90625" style="2"/>
    <col min="19" max="19" width="2.90625" style="2" customWidth="1"/>
    <col min="20" max="35" width="2.90625" style="2"/>
    <col min="36" max="36" width="2.90625" style="2" customWidth="1"/>
    <col min="37" max="16384" width="2.90625" style="2"/>
  </cols>
  <sheetData>
    <row r="1" spans="1:44" ht="17.25" customHeight="1" x14ac:dyDescent="0.2">
      <c r="A1" s="168"/>
      <c r="B1" s="107"/>
      <c r="C1" s="107"/>
      <c r="D1" s="107"/>
      <c r="E1" s="107"/>
      <c r="F1" s="106"/>
      <c r="G1" s="106"/>
      <c r="H1" s="106"/>
      <c r="I1" s="106"/>
      <c r="J1" s="106"/>
      <c r="K1" s="106"/>
      <c r="L1" s="106"/>
      <c r="M1" s="106"/>
      <c r="N1" s="663" t="s">
        <v>0</v>
      </c>
      <c r="O1" s="663"/>
      <c r="P1" s="663"/>
      <c r="Q1" s="663"/>
      <c r="R1" s="663"/>
      <c r="S1" s="663"/>
      <c r="T1" s="663"/>
      <c r="U1" s="663"/>
      <c r="V1" s="663"/>
      <c r="W1" s="663"/>
      <c r="X1" s="106"/>
      <c r="Y1" s="106"/>
      <c r="Z1" s="106"/>
      <c r="AA1" s="107"/>
      <c r="AB1" s="107"/>
      <c r="AC1" s="107"/>
      <c r="AD1" s="107"/>
      <c r="AE1" s="107"/>
      <c r="AF1" s="107"/>
      <c r="AG1" s="107"/>
      <c r="AH1" s="107"/>
      <c r="AI1" s="107"/>
      <c r="AJ1" s="107"/>
    </row>
    <row r="2" spans="1:44" ht="8.25" customHeight="1" thickBot="1" x14ac:dyDescent="0.25">
      <c r="A2" s="168"/>
      <c r="B2" s="107"/>
      <c r="C2" s="107"/>
      <c r="D2" s="107"/>
      <c r="E2" s="107"/>
      <c r="F2" s="244"/>
      <c r="G2" s="244"/>
      <c r="H2" s="244"/>
      <c r="I2" s="244"/>
      <c r="J2" s="244"/>
      <c r="K2" s="244"/>
      <c r="L2" s="244"/>
      <c r="M2" s="244"/>
      <c r="N2" s="244"/>
      <c r="O2" s="244"/>
      <c r="P2" s="244"/>
      <c r="Q2" s="244"/>
      <c r="R2" s="244"/>
      <c r="S2" s="244"/>
      <c r="T2" s="244"/>
      <c r="U2" s="244"/>
      <c r="V2" s="244"/>
      <c r="W2" s="244"/>
      <c r="X2" s="244"/>
      <c r="Y2" s="244"/>
      <c r="Z2" s="244"/>
      <c r="AA2" s="107"/>
      <c r="AB2" s="107"/>
      <c r="AC2" s="107"/>
      <c r="AD2" s="107"/>
      <c r="AE2" s="107"/>
      <c r="AF2" s="107"/>
      <c r="AG2" s="107"/>
      <c r="AH2" s="107"/>
      <c r="AI2" s="107"/>
      <c r="AJ2" s="107"/>
    </row>
    <row r="3" spans="1:44" ht="17.25" customHeight="1" x14ac:dyDescent="0.2">
      <c r="A3" s="751" t="s">
        <v>612</v>
      </c>
      <c r="B3" s="751"/>
      <c r="C3" s="751"/>
      <c r="D3" s="751"/>
      <c r="E3" s="751"/>
      <c r="F3" s="751"/>
      <c r="G3" s="751"/>
      <c r="H3" s="751"/>
      <c r="I3" s="751"/>
      <c r="J3" s="751"/>
      <c r="K3" s="306" t="s">
        <v>1</v>
      </c>
      <c r="L3" s="306"/>
      <c r="M3" s="107"/>
      <c r="N3" s="107"/>
      <c r="O3" s="107"/>
      <c r="P3" s="107"/>
      <c r="Q3" s="107"/>
      <c r="R3" s="307" t="s">
        <v>2</v>
      </c>
      <c r="S3" s="308"/>
      <c r="T3" s="308"/>
      <c r="U3" s="752" t="s">
        <v>427</v>
      </c>
      <c r="V3" s="752"/>
      <c r="W3" s="752"/>
      <c r="X3" s="752"/>
      <c r="Y3" s="752"/>
      <c r="Z3" s="752"/>
      <c r="AA3" s="752"/>
      <c r="AB3" s="752"/>
      <c r="AC3" s="752"/>
      <c r="AD3" s="752"/>
      <c r="AE3" s="752"/>
      <c r="AF3" s="752"/>
      <c r="AG3" s="752"/>
      <c r="AH3" s="752"/>
      <c r="AI3" s="752"/>
      <c r="AJ3" s="753"/>
    </row>
    <row r="4" spans="1:44" ht="17.25" customHeight="1" x14ac:dyDescent="0.2">
      <c r="A4" s="754" t="s">
        <v>428</v>
      </c>
      <c r="B4" s="754"/>
      <c r="C4" s="754"/>
      <c r="D4" s="754"/>
      <c r="E4" s="754"/>
      <c r="F4" s="754"/>
      <c r="G4" s="754"/>
      <c r="H4" s="754"/>
      <c r="I4" s="754"/>
      <c r="J4" s="754"/>
      <c r="K4" s="312" t="s">
        <v>5</v>
      </c>
      <c r="L4" s="312"/>
      <c r="M4" s="107"/>
      <c r="N4" s="107"/>
      <c r="O4" s="107"/>
      <c r="P4" s="107"/>
      <c r="Q4" s="107"/>
      <c r="R4" s="313" t="s">
        <v>3</v>
      </c>
      <c r="S4" s="314"/>
      <c r="T4" s="314"/>
      <c r="U4" s="746" t="s">
        <v>605</v>
      </c>
      <c r="V4" s="746"/>
      <c r="W4" s="746"/>
      <c r="X4" s="746"/>
      <c r="Y4" s="746"/>
      <c r="Z4" s="746"/>
      <c r="AA4" s="314" t="s">
        <v>4</v>
      </c>
      <c r="AB4" s="314"/>
      <c r="AC4" s="314"/>
      <c r="AD4" s="746" t="s">
        <v>606</v>
      </c>
      <c r="AE4" s="746"/>
      <c r="AF4" s="746"/>
      <c r="AG4" s="746"/>
      <c r="AH4" s="746"/>
      <c r="AI4" s="746"/>
      <c r="AJ4" s="747"/>
    </row>
    <row r="5" spans="1:44" ht="17.25" customHeight="1" thickBot="1" x14ac:dyDescent="0.25">
      <c r="A5" s="107" t="s">
        <v>71</v>
      </c>
      <c r="B5" s="107"/>
      <c r="C5" s="107"/>
      <c r="D5" s="107"/>
      <c r="E5" s="107"/>
      <c r="F5" s="107"/>
      <c r="G5" s="107"/>
      <c r="H5" s="107"/>
      <c r="I5" s="107"/>
      <c r="J5" s="107"/>
      <c r="K5" s="107"/>
      <c r="L5" s="107"/>
      <c r="M5" s="107"/>
      <c r="N5" s="107"/>
      <c r="O5" s="107"/>
      <c r="P5" s="107"/>
      <c r="Q5" s="107"/>
      <c r="R5" s="317" t="s">
        <v>6</v>
      </c>
      <c r="S5" s="318"/>
      <c r="T5" s="318"/>
      <c r="U5" s="748" t="s">
        <v>429</v>
      </c>
      <c r="V5" s="748"/>
      <c r="W5" s="748"/>
      <c r="X5" s="748"/>
      <c r="Y5" s="748"/>
      <c r="Z5" s="748"/>
      <c r="AA5" s="318" t="s">
        <v>7</v>
      </c>
      <c r="AB5" s="318"/>
      <c r="AC5" s="318"/>
      <c r="AD5" s="748" t="s">
        <v>430</v>
      </c>
      <c r="AE5" s="748"/>
      <c r="AF5" s="748"/>
      <c r="AG5" s="748"/>
      <c r="AH5" s="748"/>
      <c r="AI5" s="748"/>
      <c r="AJ5" s="749"/>
    </row>
    <row r="6" spans="1:44" ht="17.25" customHeight="1" x14ac:dyDescent="0.2">
      <c r="A6" s="107" t="s">
        <v>72</v>
      </c>
      <c r="B6" s="107"/>
      <c r="C6" s="107"/>
      <c r="D6" s="107"/>
      <c r="E6" s="107"/>
      <c r="F6" s="107"/>
      <c r="G6" s="107"/>
      <c r="H6" s="107"/>
      <c r="I6" s="107"/>
      <c r="J6" s="107"/>
      <c r="K6" s="9"/>
      <c r="L6" s="9"/>
      <c r="M6" s="107"/>
      <c r="N6" s="107"/>
      <c r="O6" s="107"/>
      <c r="P6" s="107"/>
      <c r="Q6" s="107"/>
      <c r="R6" s="107"/>
      <c r="S6" s="107"/>
      <c r="T6" s="107"/>
      <c r="U6" s="51" t="s">
        <v>152</v>
      </c>
      <c r="V6" s="51"/>
      <c r="W6" s="51"/>
      <c r="X6" s="650" t="s">
        <v>75</v>
      </c>
      <c r="Y6" s="650"/>
      <c r="Z6" s="750">
        <v>2</v>
      </c>
      <c r="AA6" s="750"/>
      <c r="AB6" s="51" t="s">
        <v>9</v>
      </c>
      <c r="AC6" s="750">
        <v>1</v>
      </c>
      <c r="AD6" s="750"/>
      <c r="AE6" s="51" t="s">
        <v>10</v>
      </c>
      <c r="AF6" s="750">
        <v>15</v>
      </c>
      <c r="AG6" s="750"/>
      <c r="AH6" s="51" t="s">
        <v>11</v>
      </c>
      <c r="AI6" s="107"/>
      <c r="AJ6" s="107"/>
    </row>
    <row r="7" spans="1:44" ht="6" customHeight="1" x14ac:dyDescent="0.2">
      <c r="A7" s="107"/>
      <c r="B7" s="107"/>
      <c r="C7" s="107"/>
      <c r="D7" s="107"/>
      <c r="E7" s="107"/>
      <c r="F7" s="107"/>
      <c r="G7" s="107"/>
      <c r="H7" s="107"/>
      <c r="I7" s="107"/>
      <c r="J7" s="107"/>
      <c r="K7" s="107"/>
      <c r="L7" s="107"/>
      <c r="M7" s="107"/>
      <c r="N7" s="107"/>
      <c r="O7" s="107"/>
      <c r="P7" s="107"/>
      <c r="Q7" s="107"/>
      <c r="R7" s="107"/>
      <c r="S7" s="107"/>
      <c r="T7" s="107"/>
      <c r="U7" s="107"/>
      <c r="V7" s="107"/>
      <c r="W7" s="107"/>
      <c r="X7" s="107"/>
      <c r="Y7" s="107"/>
      <c r="Z7" s="107"/>
      <c r="AA7" s="107"/>
      <c r="AB7" s="107"/>
      <c r="AC7" s="107"/>
      <c r="AD7" s="107"/>
      <c r="AE7" s="107"/>
      <c r="AF7" s="107"/>
      <c r="AG7" s="107"/>
      <c r="AH7" s="107"/>
      <c r="AI7" s="107"/>
      <c r="AJ7" s="107"/>
    </row>
    <row r="8" spans="1:44" ht="17.25" customHeight="1" thickBot="1" x14ac:dyDescent="0.25">
      <c r="A8" s="245" t="s">
        <v>8</v>
      </c>
      <c r="B8" s="245"/>
      <c r="C8" s="321" t="s">
        <v>75</v>
      </c>
      <c r="D8" s="321"/>
      <c r="E8" s="741">
        <v>2</v>
      </c>
      <c r="F8" s="741"/>
      <c r="G8" s="245" t="s">
        <v>9</v>
      </c>
      <c r="H8" s="741">
        <v>1</v>
      </c>
      <c r="I8" s="741"/>
      <c r="J8" s="245" t="s">
        <v>10</v>
      </c>
      <c r="K8" s="741">
        <v>14</v>
      </c>
      <c r="L8" s="741"/>
      <c r="M8" s="245" t="s">
        <v>11</v>
      </c>
      <c r="N8" s="245"/>
      <c r="O8" s="245"/>
      <c r="P8" s="245"/>
      <c r="Q8" s="245"/>
      <c r="R8" s="245"/>
      <c r="S8" s="245"/>
      <c r="T8" s="245"/>
      <c r="U8" s="245" t="s">
        <v>12</v>
      </c>
      <c r="V8" s="245"/>
      <c r="W8" s="245"/>
      <c r="X8" s="321" t="s">
        <v>75</v>
      </c>
      <c r="Y8" s="321"/>
      <c r="Z8" s="741">
        <v>2</v>
      </c>
      <c r="AA8" s="741"/>
      <c r="AB8" s="245" t="s">
        <v>9</v>
      </c>
      <c r="AC8" s="741">
        <v>1</v>
      </c>
      <c r="AD8" s="741"/>
      <c r="AE8" s="245" t="s">
        <v>10</v>
      </c>
      <c r="AF8" s="741">
        <v>15</v>
      </c>
      <c r="AG8" s="741"/>
      <c r="AH8" s="245" t="s">
        <v>11</v>
      </c>
      <c r="AI8" s="245"/>
      <c r="AJ8" s="245"/>
    </row>
    <row r="9" spans="1:44" ht="17.25" customHeight="1" x14ac:dyDescent="0.2">
      <c r="A9" s="649" t="s">
        <v>431</v>
      </c>
      <c r="B9" s="650"/>
      <c r="C9" s="650"/>
      <c r="D9" s="650"/>
      <c r="E9" s="651"/>
      <c r="F9" s="742" t="s" ph="1">
        <v>432</v>
      </c>
      <c r="G9" s="742" ph="1"/>
      <c r="H9" s="742" ph="1"/>
      <c r="I9" s="742" ph="1"/>
      <c r="J9" s="742" ph="1"/>
      <c r="K9" s="742" ph="1"/>
      <c r="L9" s="51"/>
      <c r="M9" s="654" t="s">
        <v>14</v>
      </c>
      <c r="N9" s="655"/>
      <c r="O9" s="246" t="s">
        <v>433</v>
      </c>
      <c r="P9" s="6"/>
      <c r="Q9" s="6"/>
      <c r="R9" s="6"/>
      <c r="S9" s="51"/>
      <c r="T9" s="51"/>
      <c r="U9" s="51"/>
      <c r="V9" s="7"/>
      <c r="W9" s="656" t="s">
        <v>18</v>
      </c>
      <c r="X9" s="744" t="s">
        <v>607</v>
      </c>
      <c r="Y9" s="744"/>
      <c r="Z9" s="744"/>
      <c r="AA9" s="744"/>
      <c r="AB9" s="744"/>
      <c r="AC9" s="744"/>
      <c r="AD9" s="744"/>
      <c r="AE9" s="744"/>
      <c r="AF9" s="744"/>
      <c r="AG9" s="744"/>
      <c r="AH9" s="744"/>
      <c r="AI9" s="744"/>
      <c r="AJ9" s="745"/>
      <c r="AL9" s="33" t="s">
        <v>435</v>
      </c>
      <c r="AM9" s="33" t="s">
        <v>436</v>
      </c>
      <c r="AN9" s="33" t="s">
        <v>437</v>
      </c>
      <c r="AO9" s="33" t="s">
        <v>438</v>
      </c>
      <c r="AP9" s="33" t="s">
        <v>439</v>
      </c>
    </row>
    <row r="10" spans="1:44" ht="17.25" customHeight="1" x14ac:dyDescent="0.2">
      <c r="A10" s="617" t="s">
        <v>19</v>
      </c>
      <c r="B10" s="660"/>
      <c r="C10" s="660"/>
      <c r="D10" s="660"/>
      <c r="E10" s="661"/>
      <c r="F10" s="743" ph="1"/>
      <c r="G10" s="743" ph="1"/>
      <c r="H10" s="743" ph="1"/>
      <c r="I10" s="743" ph="1"/>
      <c r="J10" s="743" ph="1"/>
      <c r="K10" s="743" ph="1"/>
      <c r="L10" s="48" t="s">
        <v>5</v>
      </c>
      <c r="M10" s="346" t="s">
        <v>20</v>
      </c>
      <c r="N10" s="661"/>
      <c r="O10" s="247">
        <v>13</v>
      </c>
      <c r="P10" s="8" t="s">
        <v>9</v>
      </c>
      <c r="Q10" s="247">
        <v>4</v>
      </c>
      <c r="R10" s="8" t="s">
        <v>10</v>
      </c>
      <c r="S10" s="247">
        <v>1</v>
      </c>
      <c r="T10" s="8" t="s">
        <v>11</v>
      </c>
      <c r="U10" s="247">
        <v>81</v>
      </c>
      <c r="V10" s="8" t="s">
        <v>21</v>
      </c>
      <c r="W10" s="657"/>
      <c r="X10" s="739"/>
      <c r="Y10" s="739"/>
      <c r="Z10" s="739"/>
      <c r="AA10" s="739"/>
      <c r="AB10" s="739"/>
      <c r="AC10" s="739"/>
      <c r="AD10" s="739"/>
      <c r="AE10" s="739"/>
      <c r="AF10" s="739"/>
      <c r="AG10" s="739"/>
      <c r="AH10" s="739"/>
      <c r="AI10" s="739"/>
      <c r="AJ10" s="740"/>
      <c r="AO10" s="24"/>
      <c r="AP10" s="24"/>
      <c r="AQ10" s="24"/>
      <c r="AR10" s="24"/>
    </row>
    <row r="11" spans="1:44" ht="17.25" customHeight="1" x14ac:dyDescent="0.2">
      <c r="A11" s="615" t="s">
        <v>22</v>
      </c>
      <c r="B11" s="604"/>
      <c r="C11" s="604"/>
      <c r="D11" s="604"/>
      <c r="E11" s="637"/>
      <c r="F11" s="107" t="s">
        <v>440</v>
      </c>
      <c r="G11" s="715" t="s">
        <v>441</v>
      </c>
      <c r="H11" s="715"/>
      <c r="I11" s="715"/>
      <c r="J11" s="715"/>
      <c r="K11" s="107" t="s">
        <v>156</v>
      </c>
      <c r="L11" s="107"/>
      <c r="M11" s="248" t="s">
        <v>442</v>
      </c>
      <c r="N11" s="107" t="s">
        <v>443</v>
      </c>
      <c r="O11" s="736" t="s">
        <v>444</v>
      </c>
      <c r="P11" s="736"/>
      <c r="Q11" s="736"/>
      <c r="R11" s="736"/>
      <c r="S11" s="107" t="s">
        <v>156</v>
      </c>
      <c r="T11" s="107"/>
      <c r="U11" s="248" t="s">
        <v>445</v>
      </c>
      <c r="V11" s="107" t="s">
        <v>446</v>
      </c>
      <c r="W11" s="621" t="s">
        <v>447</v>
      </c>
      <c r="X11" s="737" t="s">
        <v>608</v>
      </c>
      <c r="Y11" s="737"/>
      <c r="Z11" s="737"/>
      <c r="AA11" s="737"/>
      <c r="AB11" s="737"/>
      <c r="AC11" s="737"/>
      <c r="AD11" s="737"/>
      <c r="AE11" s="737"/>
      <c r="AF11" s="737"/>
      <c r="AG11" s="737"/>
      <c r="AH11" s="737"/>
      <c r="AI11" s="737"/>
      <c r="AJ11" s="738"/>
    </row>
    <row r="12" spans="1:44" ht="17.25" customHeight="1" x14ac:dyDescent="0.2">
      <c r="A12" s="638"/>
      <c r="B12" s="639"/>
      <c r="C12" s="639"/>
      <c r="D12" s="639"/>
      <c r="E12" s="640"/>
      <c r="F12" s="107" t="s">
        <v>26</v>
      </c>
      <c r="G12" s="107"/>
      <c r="H12" s="678" t="s">
        <v>434</v>
      </c>
      <c r="I12" s="678"/>
      <c r="J12" s="678"/>
      <c r="K12" s="678"/>
      <c r="L12" s="678"/>
      <c r="M12" s="678"/>
      <c r="N12" s="678"/>
      <c r="O12" s="107" t="s">
        <v>26</v>
      </c>
      <c r="P12" s="107"/>
      <c r="Q12" s="678" t="s">
        <v>448</v>
      </c>
      <c r="R12" s="678"/>
      <c r="S12" s="678"/>
      <c r="T12" s="678"/>
      <c r="U12" s="678"/>
      <c r="V12" s="679"/>
      <c r="W12" s="623"/>
      <c r="X12" s="739"/>
      <c r="Y12" s="739"/>
      <c r="Z12" s="739"/>
      <c r="AA12" s="739"/>
      <c r="AB12" s="739"/>
      <c r="AC12" s="739"/>
      <c r="AD12" s="739"/>
      <c r="AE12" s="739"/>
      <c r="AF12" s="739"/>
      <c r="AG12" s="739"/>
      <c r="AH12" s="739"/>
      <c r="AI12" s="739"/>
      <c r="AJ12" s="740"/>
    </row>
    <row r="13" spans="1:44" ht="17.25" customHeight="1" x14ac:dyDescent="0.2">
      <c r="A13" s="735"/>
      <c r="B13" s="660"/>
      <c r="C13" s="660"/>
      <c r="D13" s="660"/>
      <c r="E13" s="661"/>
      <c r="F13" s="48" t="s">
        <v>449</v>
      </c>
      <c r="G13" s="730" t="s">
        <v>608</v>
      </c>
      <c r="H13" s="730"/>
      <c r="I13" s="730"/>
      <c r="J13" s="730"/>
      <c r="K13" s="730"/>
      <c r="L13" s="730"/>
      <c r="M13" s="730"/>
      <c r="N13" s="730"/>
      <c r="O13" s="48" t="s">
        <v>450</v>
      </c>
      <c r="P13" s="730" t="s">
        <v>609</v>
      </c>
      <c r="Q13" s="730"/>
      <c r="R13" s="730"/>
      <c r="S13" s="730"/>
      <c r="T13" s="730"/>
      <c r="U13" s="730"/>
      <c r="V13" s="731"/>
      <c r="W13" s="646" t="s">
        <v>28</v>
      </c>
      <c r="X13" s="9" t="s">
        <v>29</v>
      </c>
      <c r="Y13" s="9"/>
      <c r="Z13" s="9"/>
      <c r="AA13" s="9"/>
      <c r="AB13" s="9"/>
      <c r="AC13" s="9"/>
      <c r="AD13" s="9"/>
      <c r="AE13" s="9"/>
      <c r="AF13" s="9"/>
      <c r="AG13" s="9"/>
      <c r="AH13" s="9"/>
      <c r="AI13" s="9"/>
      <c r="AJ13" s="10"/>
    </row>
    <row r="14" spans="1:44" ht="17.25" customHeight="1" x14ac:dyDescent="0.2">
      <c r="A14" s="490" t="s">
        <v>610</v>
      </c>
      <c r="B14" s="491"/>
      <c r="C14" s="491"/>
      <c r="D14" s="491"/>
      <c r="E14" s="492"/>
      <c r="F14" s="484" t="s">
        <v>165</v>
      </c>
      <c r="G14" s="485"/>
      <c r="H14" s="485"/>
      <c r="I14" s="485"/>
      <c r="J14" s="676" t="s">
        <v>451</v>
      </c>
      <c r="K14" s="676"/>
      <c r="L14" s="676"/>
      <c r="M14" s="676"/>
      <c r="N14" s="676"/>
      <c r="O14" s="676"/>
      <c r="P14" s="676"/>
      <c r="Q14" s="676"/>
      <c r="R14" s="676"/>
      <c r="S14" s="676"/>
      <c r="T14" s="676"/>
      <c r="U14" s="676"/>
      <c r="V14" s="677"/>
      <c r="W14" s="647"/>
      <c r="X14" s="11" t="s">
        <v>83</v>
      </c>
      <c r="Y14" s="11"/>
      <c r="Z14" s="11"/>
      <c r="AA14" s="11"/>
      <c r="AB14" s="11"/>
      <c r="AC14" s="11"/>
      <c r="AD14" s="11"/>
      <c r="AE14" s="11"/>
      <c r="AF14" s="11"/>
      <c r="AG14" s="11" t="s">
        <v>30</v>
      </c>
      <c r="AH14" s="11"/>
      <c r="AI14" s="11"/>
      <c r="AJ14" s="52"/>
    </row>
    <row r="15" spans="1:44" ht="17.25" customHeight="1" x14ac:dyDescent="0.2">
      <c r="A15" s="493"/>
      <c r="B15" s="494"/>
      <c r="C15" s="494"/>
      <c r="D15" s="494"/>
      <c r="E15" s="495"/>
      <c r="F15" s="104" t="s">
        <v>85</v>
      </c>
      <c r="G15" s="48"/>
      <c r="H15" s="730" t="s">
        <v>452</v>
      </c>
      <c r="I15" s="730"/>
      <c r="J15" s="730"/>
      <c r="K15" s="730"/>
      <c r="L15" s="730"/>
      <c r="M15" s="48"/>
      <c r="N15" s="177" t="s">
        <v>184</v>
      </c>
      <c r="O15" s="48" t="s">
        <v>453</v>
      </c>
      <c r="P15" s="730" t="s">
        <v>604</v>
      </c>
      <c r="Q15" s="730"/>
      <c r="R15" s="730"/>
      <c r="S15" s="730"/>
      <c r="T15" s="730"/>
      <c r="U15" s="730"/>
      <c r="V15" s="731"/>
      <c r="W15" s="647"/>
      <c r="X15" s="107"/>
      <c r="Y15" s="107"/>
      <c r="Z15" s="107"/>
      <c r="AA15" s="107"/>
      <c r="AB15" s="107"/>
      <c r="AC15" s="107"/>
      <c r="AD15" s="107"/>
      <c r="AE15" s="107"/>
      <c r="AF15" s="107"/>
      <c r="AG15" s="107" t="s">
        <v>454</v>
      </c>
      <c r="AH15" s="107"/>
      <c r="AI15" s="107"/>
      <c r="AJ15" s="52"/>
    </row>
    <row r="16" spans="1:44" ht="17.25" customHeight="1" x14ac:dyDescent="0.2">
      <c r="A16" s="493"/>
      <c r="B16" s="494"/>
      <c r="C16" s="494"/>
      <c r="D16" s="494"/>
      <c r="E16" s="495"/>
      <c r="F16" s="484" t="s">
        <v>166</v>
      </c>
      <c r="G16" s="485"/>
      <c r="H16" s="485"/>
      <c r="I16" s="485"/>
      <c r="J16" s="676" t="s">
        <v>602</v>
      </c>
      <c r="K16" s="676"/>
      <c r="L16" s="676"/>
      <c r="M16" s="676"/>
      <c r="N16" s="676"/>
      <c r="O16" s="676"/>
      <c r="P16" s="676"/>
      <c r="Q16" s="676"/>
      <c r="R16" s="676"/>
      <c r="S16" s="676"/>
      <c r="T16" s="676"/>
      <c r="U16" s="676"/>
      <c r="V16" s="677"/>
      <c r="W16" s="647"/>
      <c r="X16" s="107"/>
      <c r="Y16" s="107"/>
      <c r="Z16" s="107"/>
      <c r="AA16" s="107"/>
      <c r="AB16" s="107"/>
      <c r="AC16" s="107"/>
      <c r="AD16" s="107"/>
      <c r="AE16" s="107"/>
      <c r="AF16" s="107"/>
      <c r="AG16" s="107"/>
      <c r="AH16" s="107"/>
      <c r="AI16" s="107"/>
      <c r="AJ16" s="52"/>
    </row>
    <row r="17" spans="1:70" ht="17.25" customHeight="1" x14ac:dyDescent="0.2">
      <c r="A17" s="496"/>
      <c r="B17" s="497"/>
      <c r="C17" s="497"/>
      <c r="D17" s="497"/>
      <c r="E17" s="498"/>
      <c r="F17" s="162" t="s">
        <v>85</v>
      </c>
      <c r="G17" s="107"/>
      <c r="H17" s="678" t="s">
        <v>603</v>
      </c>
      <c r="I17" s="678"/>
      <c r="J17" s="678"/>
      <c r="K17" s="678"/>
      <c r="L17" s="678"/>
      <c r="M17" s="107"/>
      <c r="N17" s="278" t="s">
        <v>184</v>
      </c>
      <c r="O17" s="107" t="s">
        <v>185</v>
      </c>
      <c r="P17" s="678" t="s">
        <v>604</v>
      </c>
      <c r="Q17" s="678"/>
      <c r="R17" s="678"/>
      <c r="S17" s="678"/>
      <c r="T17" s="678"/>
      <c r="U17" s="678"/>
      <c r="V17" s="679"/>
      <c r="W17" s="647"/>
      <c r="X17" s="107"/>
      <c r="Y17" s="107"/>
      <c r="Z17" s="107"/>
      <c r="AA17" s="107"/>
      <c r="AB17" s="107"/>
      <c r="AC17" s="107"/>
      <c r="AD17" s="107"/>
      <c r="AE17" s="107"/>
      <c r="AF17" s="107"/>
      <c r="AG17" s="107"/>
      <c r="AH17" s="107"/>
      <c r="AI17" s="107"/>
      <c r="AJ17" s="52"/>
    </row>
    <row r="18" spans="1:70" ht="17.25" customHeight="1" x14ac:dyDescent="0.2">
      <c r="A18" s="499" t="s">
        <v>611</v>
      </c>
      <c r="B18" s="500"/>
      <c r="C18" s="732" t="s">
        <v>455</v>
      </c>
      <c r="D18" s="733"/>
      <c r="E18" s="733"/>
      <c r="F18" s="733"/>
      <c r="G18" s="733"/>
      <c r="H18" s="733"/>
      <c r="I18" s="733"/>
      <c r="J18" s="733"/>
      <c r="K18" s="733"/>
      <c r="L18" s="733"/>
      <c r="M18" s="733"/>
      <c r="N18" s="733"/>
      <c r="O18" s="733"/>
      <c r="P18" s="733"/>
      <c r="Q18" s="733"/>
      <c r="R18" s="733"/>
      <c r="S18" s="733"/>
      <c r="T18" s="733"/>
      <c r="U18" s="733"/>
      <c r="V18" s="734"/>
      <c r="W18" s="647"/>
      <c r="X18" s="107"/>
      <c r="Y18" s="107"/>
      <c r="Z18" s="107"/>
      <c r="AA18" s="107"/>
      <c r="AB18" s="107"/>
      <c r="AC18" s="107"/>
      <c r="AD18" s="107"/>
      <c r="AE18" s="107"/>
      <c r="AF18" s="107"/>
      <c r="AG18" s="107"/>
      <c r="AH18" s="107"/>
      <c r="AI18" s="107"/>
      <c r="AJ18" s="52"/>
      <c r="AO18" s="107"/>
      <c r="AP18" s="107"/>
      <c r="AQ18" s="107"/>
      <c r="AR18" s="107"/>
      <c r="AS18" s="107"/>
      <c r="AT18" s="107"/>
    </row>
    <row r="19" spans="1:70" ht="17.25" customHeight="1" x14ac:dyDescent="0.2">
      <c r="A19" s="501"/>
      <c r="B19" s="502"/>
      <c r="C19" s="664" t="s">
        <v>456</v>
      </c>
      <c r="D19" s="665"/>
      <c r="E19" s="665"/>
      <c r="F19" s="665"/>
      <c r="G19" s="665"/>
      <c r="H19" s="665"/>
      <c r="I19" s="665"/>
      <c r="J19" s="665"/>
      <c r="K19" s="665"/>
      <c r="L19" s="665"/>
      <c r="M19" s="665"/>
      <c r="N19" s="665"/>
      <c r="O19" s="665"/>
      <c r="P19" s="665"/>
      <c r="Q19" s="665"/>
      <c r="R19" s="665"/>
      <c r="S19" s="665"/>
      <c r="T19" s="665"/>
      <c r="U19" s="665"/>
      <c r="V19" s="666"/>
      <c r="W19" s="647"/>
      <c r="X19" s="107"/>
      <c r="Y19" s="107"/>
      <c r="Z19" s="107"/>
      <c r="AA19" s="107"/>
      <c r="AB19" s="107"/>
      <c r="AC19" s="107"/>
      <c r="AD19" s="107"/>
      <c r="AE19" s="107"/>
      <c r="AF19" s="107"/>
      <c r="AG19" s="107"/>
      <c r="AH19" s="107"/>
      <c r="AI19" s="107"/>
      <c r="AJ19" s="52"/>
    </row>
    <row r="20" spans="1:70" ht="17.25" customHeight="1" x14ac:dyDescent="0.2">
      <c r="A20" s="503"/>
      <c r="B20" s="504"/>
      <c r="C20" s="667" t="s">
        <v>457</v>
      </c>
      <c r="D20" s="668"/>
      <c r="E20" s="668"/>
      <c r="F20" s="668"/>
      <c r="G20" s="668"/>
      <c r="H20" s="668"/>
      <c r="I20" s="668"/>
      <c r="J20" s="668"/>
      <c r="K20" s="668"/>
      <c r="L20" s="668"/>
      <c r="M20" s="668"/>
      <c r="N20" s="668"/>
      <c r="O20" s="668"/>
      <c r="P20" s="668"/>
      <c r="Q20" s="668"/>
      <c r="R20" s="668"/>
      <c r="S20" s="668"/>
      <c r="T20" s="668"/>
      <c r="U20" s="668"/>
      <c r="V20" s="669"/>
      <c r="W20" s="648"/>
      <c r="X20" s="48"/>
      <c r="Y20" s="48"/>
      <c r="Z20" s="48"/>
      <c r="AA20" s="48"/>
      <c r="AB20" s="48"/>
      <c r="AC20" s="48"/>
      <c r="AD20" s="48"/>
      <c r="AE20" s="48"/>
      <c r="AF20" s="31"/>
      <c r="AG20" s="31"/>
      <c r="AH20" s="32" t="s">
        <v>73</v>
      </c>
      <c r="AI20" s="32"/>
      <c r="AJ20" s="178"/>
      <c r="AO20" s="107"/>
    </row>
    <row r="21" spans="1:70" ht="17.25" customHeight="1" x14ac:dyDescent="0.2">
      <c r="A21" s="615" t="s">
        <v>33</v>
      </c>
      <c r="B21" s="616"/>
      <c r="C21" s="616"/>
      <c r="D21" s="616"/>
      <c r="E21" s="349"/>
      <c r="F21" s="619" t="s">
        <v>91</v>
      </c>
      <c r="G21" s="620"/>
      <c r="H21" s="179"/>
      <c r="I21" s="273" t="s">
        <v>188</v>
      </c>
      <c r="J21" s="179"/>
      <c r="K21" s="273" t="s">
        <v>189</v>
      </c>
      <c r="L21" s="273"/>
      <c r="M21" s="348" t="s">
        <v>35</v>
      </c>
      <c r="N21" s="349"/>
      <c r="O21" s="273"/>
      <c r="P21" s="265" t="s">
        <v>206</v>
      </c>
      <c r="Q21" s="273"/>
      <c r="R21" s="273"/>
      <c r="S21" s="273"/>
      <c r="T21" s="273"/>
      <c r="U21" s="273"/>
      <c r="V21" s="273"/>
      <c r="W21" s="621" t="s">
        <v>36</v>
      </c>
      <c r="X21" s="249" t="s">
        <v>458</v>
      </c>
      <c r="Y21" s="249"/>
      <c r="Z21" s="249"/>
      <c r="AA21" s="249"/>
      <c r="AB21" s="249"/>
      <c r="AC21" s="249"/>
      <c r="AD21" s="249"/>
      <c r="AE21" s="249" t="s">
        <v>459</v>
      </c>
      <c r="AF21" s="249"/>
      <c r="AG21" s="249"/>
      <c r="AH21" s="249"/>
      <c r="AI21" s="249"/>
      <c r="AJ21" s="250"/>
      <c r="AK21" s="251" t="s">
        <v>460</v>
      </c>
      <c r="AL21" s="251" t="s">
        <v>191</v>
      </c>
      <c r="AM21" s="251" t="s">
        <v>192</v>
      </c>
      <c r="AN21" s="251"/>
      <c r="AO21" s="252" t="s">
        <v>193</v>
      </c>
      <c r="AP21" s="252" t="s">
        <v>194</v>
      </c>
      <c r="AQ21" s="252"/>
      <c r="AR21" s="252"/>
      <c r="AS21" s="252"/>
      <c r="AT21" s="252"/>
      <c r="AU21" s="252"/>
      <c r="AV21" s="107"/>
      <c r="AW21" s="107"/>
    </row>
    <row r="22" spans="1:70" ht="17.25" customHeight="1" x14ac:dyDescent="0.2">
      <c r="A22" s="617"/>
      <c r="B22" s="618"/>
      <c r="C22" s="618"/>
      <c r="D22" s="618"/>
      <c r="E22" s="347"/>
      <c r="F22" s="711" t="s">
        <v>194</v>
      </c>
      <c r="G22" s="711"/>
      <c r="H22" s="48"/>
      <c r="I22" s="253" t="s">
        <v>461</v>
      </c>
      <c r="J22" s="48"/>
      <c r="K22" s="48"/>
      <c r="L22" s="48"/>
      <c r="M22" s="346" t="s">
        <v>38</v>
      </c>
      <c r="N22" s="347"/>
      <c r="O22" s="48"/>
      <c r="P22" s="176" t="s">
        <v>195</v>
      </c>
      <c r="Q22" s="48"/>
      <c r="R22" s="548"/>
      <c r="S22" s="548"/>
      <c r="T22" s="548"/>
      <c r="U22" s="548"/>
      <c r="V22" s="626"/>
      <c r="W22" s="622"/>
      <c r="X22" s="254" t="s">
        <v>462</v>
      </c>
      <c r="Y22" s="254"/>
      <c r="Z22" s="254"/>
      <c r="AA22" s="254"/>
      <c r="AB22" s="254"/>
      <c r="AC22" s="254"/>
      <c r="AD22" s="254"/>
      <c r="AE22" s="254" t="s">
        <v>463</v>
      </c>
      <c r="AF22" s="254"/>
      <c r="AG22" s="254"/>
      <c r="AH22" s="254"/>
      <c r="AI22" s="254"/>
      <c r="AJ22" s="255"/>
      <c r="AL22" s="252"/>
      <c r="AM22" s="252"/>
      <c r="AN22" s="252"/>
      <c r="AO22" s="252"/>
      <c r="AP22" s="252"/>
      <c r="AQ22" s="252"/>
      <c r="AR22" s="252"/>
      <c r="AS22" s="107"/>
      <c r="AT22" s="107"/>
    </row>
    <row r="23" spans="1:70" ht="17.25" customHeight="1" x14ac:dyDescent="0.2">
      <c r="A23" s="627" t="s">
        <v>40</v>
      </c>
      <c r="B23" s="628"/>
      <c r="C23" s="628"/>
      <c r="D23" s="628"/>
      <c r="E23" s="629"/>
      <c r="F23" s="273" t="s">
        <v>41</v>
      </c>
      <c r="G23" s="273"/>
      <c r="H23" s="273"/>
      <c r="I23" s="273" t="s">
        <v>464</v>
      </c>
      <c r="J23" s="256">
        <v>1</v>
      </c>
      <c r="K23" s="273" t="s">
        <v>43</v>
      </c>
      <c r="L23" s="273"/>
      <c r="M23" s="273"/>
      <c r="N23" s="273" t="s">
        <v>44</v>
      </c>
      <c r="O23" s="273"/>
      <c r="P23" s="273" t="s">
        <v>205</v>
      </c>
      <c r="Q23" s="289"/>
      <c r="R23" s="273" t="s">
        <v>43</v>
      </c>
      <c r="S23" s="273"/>
      <c r="T23" s="273"/>
      <c r="U23" s="273"/>
      <c r="V23" s="273"/>
      <c r="W23" s="622"/>
      <c r="X23" s="254" t="s">
        <v>465</v>
      </c>
      <c r="Y23" s="254"/>
      <c r="Z23" s="254"/>
      <c r="AA23" s="254"/>
      <c r="AB23" s="254"/>
      <c r="AC23" s="254"/>
      <c r="AD23" s="254"/>
      <c r="AE23" s="254"/>
      <c r="AF23" s="254"/>
      <c r="AG23" s="254"/>
      <c r="AH23" s="254"/>
      <c r="AI23" s="254"/>
      <c r="AJ23" s="255"/>
      <c r="AL23" s="257" t="s">
        <v>466</v>
      </c>
      <c r="AM23" s="257" t="s">
        <v>199</v>
      </c>
      <c r="AN23" s="257" t="s">
        <v>467</v>
      </c>
      <c r="AO23" s="258" t="s">
        <v>468</v>
      </c>
      <c r="AP23" s="257" t="s">
        <v>469</v>
      </c>
      <c r="AQ23" s="257" t="s">
        <v>470</v>
      </c>
      <c r="AR23" s="257" t="s">
        <v>471</v>
      </c>
      <c r="AS23" s="257" t="s">
        <v>472</v>
      </c>
      <c r="AT23" s="257" t="s">
        <v>473</v>
      </c>
      <c r="AU23" s="257" t="s">
        <v>474</v>
      </c>
      <c r="AV23" s="258" t="s">
        <v>475</v>
      </c>
      <c r="AW23" s="257" t="s">
        <v>476</v>
      </c>
      <c r="AX23" s="257" t="s">
        <v>477</v>
      </c>
      <c r="AY23" s="257" t="s">
        <v>478</v>
      </c>
      <c r="AZ23" s="257" t="s">
        <v>479</v>
      </c>
      <c r="BA23" s="257" t="s">
        <v>480</v>
      </c>
      <c r="BB23" s="257" t="s">
        <v>481</v>
      </c>
      <c r="BC23" s="258" t="s">
        <v>482</v>
      </c>
      <c r="BD23" s="257" t="s">
        <v>483</v>
      </c>
      <c r="BE23" s="257" t="s">
        <v>484</v>
      </c>
      <c r="BF23" s="257" t="s">
        <v>485</v>
      </c>
      <c r="BG23" s="257" t="s">
        <v>486</v>
      </c>
      <c r="BH23" s="257" t="s">
        <v>487</v>
      </c>
      <c r="BI23" s="257" t="s">
        <v>488</v>
      </c>
      <c r="BJ23" s="258" t="s">
        <v>489</v>
      </c>
      <c r="BK23" s="257" t="s">
        <v>490</v>
      </c>
      <c r="BL23" s="257" t="s">
        <v>491</v>
      </c>
      <c r="BM23" s="257" t="s">
        <v>492</v>
      </c>
      <c r="BN23" s="257" t="s">
        <v>493</v>
      </c>
      <c r="BO23" s="258" t="s">
        <v>494</v>
      </c>
      <c r="BP23" s="257" t="s">
        <v>495</v>
      </c>
      <c r="BQ23" s="259"/>
      <c r="BR23" s="259"/>
    </row>
    <row r="24" spans="1:70" ht="17.25" customHeight="1" x14ac:dyDescent="0.2">
      <c r="A24" s="630"/>
      <c r="B24" s="631"/>
      <c r="C24" s="631"/>
      <c r="D24" s="631"/>
      <c r="E24" s="632"/>
      <c r="F24" s="16" t="s">
        <v>45</v>
      </c>
      <c r="G24" s="48"/>
      <c r="H24" s="48"/>
      <c r="I24" s="48" t="s">
        <v>197</v>
      </c>
      <c r="J24" s="260">
        <v>1</v>
      </c>
      <c r="K24" s="48" t="s">
        <v>43</v>
      </c>
      <c r="L24" s="48"/>
      <c r="M24" s="48"/>
      <c r="N24" s="48" t="s">
        <v>46</v>
      </c>
      <c r="O24" s="48"/>
      <c r="P24" s="48" t="s">
        <v>496</v>
      </c>
      <c r="Q24" s="290"/>
      <c r="R24" s="48" t="s">
        <v>43</v>
      </c>
      <c r="S24" s="48"/>
      <c r="T24" s="48"/>
      <c r="U24" s="48"/>
      <c r="V24" s="48"/>
      <c r="W24" s="622"/>
      <c r="X24" s="254" t="s">
        <v>497</v>
      </c>
      <c r="Y24" s="254"/>
      <c r="Z24" s="254"/>
      <c r="AA24" s="254"/>
      <c r="AB24" s="254"/>
      <c r="AC24" s="254"/>
      <c r="AD24" s="254"/>
      <c r="AE24" s="254"/>
      <c r="AF24" s="254"/>
      <c r="AG24" s="254"/>
      <c r="AH24" s="254"/>
      <c r="AI24" s="254"/>
      <c r="AJ24" s="255"/>
      <c r="AL24" s="33" t="s">
        <v>206</v>
      </c>
      <c r="AM24" s="33" t="s">
        <v>207</v>
      </c>
      <c r="AN24" s="33"/>
      <c r="AO24" s="33"/>
      <c r="AP24" s="33"/>
      <c r="AQ24" s="33"/>
      <c r="AR24" s="33"/>
    </row>
    <row r="25" spans="1:70" ht="17.25" customHeight="1" x14ac:dyDescent="0.2">
      <c r="A25" s="633" t="s">
        <v>94</v>
      </c>
      <c r="B25" s="634"/>
      <c r="C25" s="634"/>
      <c r="D25" s="634"/>
      <c r="E25" s="635"/>
      <c r="F25" s="262" t="s">
        <v>207</v>
      </c>
      <c r="G25" s="48" t="s">
        <v>95</v>
      </c>
      <c r="H25" s="190"/>
      <c r="I25" s="261">
        <v>1</v>
      </c>
      <c r="J25" s="48" t="s">
        <v>96</v>
      </c>
      <c r="K25" s="192"/>
      <c r="L25" s="4" t="s">
        <v>92</v>
      </c>
      <c r="M25" s="4"/>
      <c r="N25" s="211"/>
      <c r="O25" s="4" t="s">
        <v>96</v>
      </c>
      <c r="P25" s="48"/>
      <c r="Q25" s="48" t="s">
        <v>93</v>
      </c>
      <c r="R25" s="48"/>
      <c r="S25" s="191"/>
      <c r="T25" s="48" t="s">
        <v>96</v>
      </c>
      <c r="U25" s="48"/>
      <c r="V25" s="8"/>
      <c r="W25" s="622"/>
      <c r="X25" s="254" t="s">
        <v>498</v>
      </c>
      <c r="Y25" s="254"/>
      <c r="Z25" s="254"/>
      <c r="AA25" s="254"/>
      <c r="AB25" s="254"/>
      <c r="AC25" s="254"/>
      <c r="AD25" s="254"/>
      <c r="AE25" s="254"/>
      <c r="AF25" s="254"/>
      <c r="AG25" s="254"/>
      <c r="AH25" s="254"/>
      <c r="AI25" s="254"/>
      <c r="AJ25" s="255"/>
      <c r="AL25" s="33" t="s">
        <v>208</v>
      </c>
      <c r="AM25" s="33" t="s">
        <v>209</v>
      </c>
      <c r="AN25" s="33" t="s">
        <v>210</v>
      </c>
      <c r="AO25" s="33" t="s">
        <v>211</v>
      </c>
      <c r="AP25" s="33"/>
      <c r="AQ25" s="33"/>
      <c r="AR25" s="33"/>
    </row>
    <row r="26" spans="1:70" ht="17.25" customHeight="1" x14ac:dyDescent="0.2">
      <c r="A26" s="636" t="s">
        <v>97</v>
      </c>
      <c r="B26" s="634"/>
      <c r="C26" s="634"/>
      <c r="D26" s="634"/>
      <c r="E26" s="635"/>
      <c r="F26" s="508" t="s">
        <v>212</v>
      </c>
      <c r="G26" s="508"/>
      <c r="H26" s="508"/>
      <c r="I26" s="728" t="s">
        <v>206</v>
      </c>
      <c r="J26" s="728"/>
      <c r="K26" s="194"/>
      <c r="L26" s="508" t="s">
        <v>213</v>
      </c>
      <c r="M26" s="508"/>
      <c r="N26" s="262" t="s">
        <v>206</v>
      </c>
      <c r="O26" s="4"/>
      <c r="P26" s="508" t="s">
        <v>499</v>
      </c>
      <c r="Q26" s="508"/>
      <c r="R26" s="262" t="s">
        <v>206</v>
      </c>
      <c r="S26" s="195"/>
      <c r="T26" s="508" t="s">
        <v>215</v>
      </c>
      <c r="U26" s="508"/>
      <c r="V26" s="262" t="s">
        <v>206</v>
      </c>
      <c r="W26" s="623"/>
      <c r="X26" s="31"/>
      <c r="Y26" s="263" t="s">
        <v>153</v>
      </c>
      <c r="Z26" s="264"/>
      <c r="AA26" s="264"/>
      <c r="AB26" s="264"/>
      <c r="AC26" s="264"/>
      <c r="AD26" s="264"/>
      <c r="AE26" s="264"/>
      <c r="AF26" s="264"/>
      <c r="AG26" s="199"/>
      <c r="AH26" s="199"/>
      <c r="AI26" s="199"/>
      <c r="AJ26" s="200"/>
      <c r="AL26" s="33" t="s">
        <v>216</v>
      </c>
      <c r="AM26" s="33" t="s">
        <v>217</v>
      </c>
      <c r="AN26" s="33" t="s">
        <v>218</v>
      </c>
      <c r="AO26" s="33" t="s">
        <v>500</v>
      </c>
      <c r="AP26" s="33"/>
      <c r="AQ26" s="33"/>
      <c r="AR26" s="33"/>
    </row>
    <row r="27" spans="1:70" ht="8.25" customHeight="1" x14ac:dyDescent="0.2">
      <c r="A27" s="173"/>
      <c r="B27" s="174"/>
      <c r="C27" s="174"/>
      <c r="D27" s="174"/>
      <c r="E27" s="174"/>
      <c r="F27" s="107"/>
      <c r="G27" s="107"/>
      <c r="H27" s="107"/>
      <c r="I27" s="107"/>
      <c r="J27" s="107"/>
      <c r="K27" s="107"/>
      <c r="L27" s="107"/>
      <c r="M27" s="107"/>
      <c r="N27" s="107"/>
      <c r="O27" s="107"/>
      <c r="P27" s="107"/>
      <c r="Q27" s="107"/>
      <c r="R27" s="17"/>
      <c r="S27" s="174"/>
      <c r="T27" s="107"/>
      <c r="U27" s="107"/>
      <c r="V27" s="107"/>
      <c r="W27" s="42"/>
      <c r="X27" s="273"/>
      <c r="Y27" s="273"/>
      <c r="Z27" s="273"/>
      <c r="AA27" s="273"/>
      <c r="AB27" s="273"/>
      <c r="AC27" s="273"/>
      <c r="AD27" s="273"/>
      <c r="AE27" s="273"/>
      <c r="AF27" s="273"/>
      <c r="AG27" s="273"/>
      <c r="AH27" s="273"/>
      <c r="AI27" s="273"/>
      <c r="AJ27" s="37"/>
      <c r="AL27" s="33" t="s">
        <v>220</v>
      </c>
      <c r="AM27" s="33" t="s">
        <v>221</v>
      </c>
      <c r="AN27" s="33" t="s">
        <v>222</v>
      </c>
      <c r="AO27" s="33" t="s">
        <v>223</v>
      </c>
      <c r="AP27" s="33" t="s">
        <v>224</v>
      </c>
      <c r="AQ27" s="33" t="s">
        <v>219</v>
      </c>
      <c r="AR27" s="33"/>
    </row>
    <row r="28" spans="1:70" ht="18" customHeight="1" x14ac:dyDescent="0.2">
      <c r="A28" s="18"/>
      <c r="B28" s="19" t="s">
        <v>47</v>
      </c>
      <c r="C28" s="174"/>
      <c r="D28" s="174"/>
      <c r="E28" s="174"/>
      <c r="F28" s="107"/>
      <c r="G28" s="107"/>
      <c r="H28" s="107"/>
      <c r="I28" s="107"/>
      <c r="J28" s="107"/>
      <c r="K28" s="107"/>
      <c r="L28" s="107"/>
      <c r="M28" s="107"/>
      <c r="N28" s="107"/>
      <c r="O28" s="107"/>
      <c r="P28" s="107"/>
      <c r="Q28" s="107"/>
      <c r="R28" s="17"/>
      <c r="S28" s="174"/>
      <c r="T28" s="107"/>
      <c r="U28" s="107"/>
      <c r="V28" s="107"/>
      <c r="W28" s="43"/>
      <c r="X28" s="48"/>
      <c r="Y28" s="48"/>
      <c r="Z28" s="48"/>
      <c r="AA28" s="48"/>
      <c r="AB28" s="48"/>
      <c r="AC28" s="48"/>
      <c r="AD28" s="48"/>
      <c r="AE28" s="48"/>
      <c r="AF28" s="48"/>
      <c r="AG28" s="48"/>
      <c r="AH28" s="48"/>
      <c r="AI28" s="48"/>
      <c r="AJ28" s="38"/>
      <c r="AL28" s="33" t="s">
        <v>226</v>
      </c>
      <c r="AM28" s="33" t="s">
        <v>227</v>
      </c>
      <c r="AN28" s="33" t="s">
        <v>228</v>
      </c>
      <c r="AO28" s="33" t="s">
        <v>229</v>
      </c>
      <c r="AP28" s="33" t="s">
        <v>230</v>
      </c>
      <c r="AQ28" s="33"/>
      <c r="AR28" s="33"/>
    </row>
    <row r="29" spans="1:70" ht="18" customHeight="1" x14ac:dyDescent="0.2">
      <c r="A29" s="600" t="s">
        <v>48</v>
      </c>
      <c r="B29" s="566" t="s">
        <v>231</v>
      </c>
      <c r="C29" s="567"/>
      <c r="D29" s="712" t="s">
        <v>210</v>
      </c>
      <c r="E29" s="712"/>
      <c r="F29" s="712"/>
      <c r="G29" s="712"/>
      <c r="H29" s="712"/>
      <c r="I29" s="158"/>
      <c r="J29" s="201" t="s">
        <v>232</v>
      </c>
      <c r="K29" s="158"/>
      <c r="L29" s="158"/>
      <c r="M29" s="729" t="s">
        <v>501</v>
      </c>
      <c r="N29" s="729"/>
      <c r="O29" s="202"/>
      <c r="P29" s="273"/>
      <c r="Q29" s="175"/>
      <c r="R29" s="203" t="s">
        <v>84</v>
      </c>
      <c r="S29" s="579" t="s">
        <v>50</v>
      </c>
      <c r="T29" s="580" t="s">
        <v>51</v>
      </c>
      <c r="U29" s="566" t="s">
        <v>233</v>
      </c>
      <c r="V29" s="566"/>
      <c r="W29" s="566"/>
      <c r="X29" s="712" t="s">
        <v>210</v>
      </c>
      <c r="Y29" s="712"/>
      <c r="Z29" s="712"/>
      <c r="AA29" s="712"/>
      <c r="AB29" s="712"/>
      <c r="AC29" s="603" t="s">
        <v>234</v>
      </c>
      <c r="AD29" s="604"/>
      <c r="AE29" s="604"/>
      <c r="AF29" s="726" t="s">
        <v>210</v>
      </c>
      <c r="AG29" s="712"/>
      <c r="AH29" s="712"/>
      <c r="AI29" s="712"/>
      <c r="AJ29" s="727"/>
      <c r="AL29" s="33" t="s">
        <v>502</v>
      </c>
      <c r="AM29" s="33" t="s">
        <v>236</v>
      </c>
      <c r="AN29" s="33" t="s">
        <v>237</v>
      </c>
      <c r="AO29" s="33"/>
      <c r="AP29" s="33"/>
      <c r="AQ29" s="33"/>
      <c r="AR29" s="33"/>
    </row>
    <row r="30" spans="1:70" ht="18" customHeight="1" x14ac:dyDescent="0.2">
      <c r="A30" s="601"/>
      <c r="B30" s="314" t="s">
        <v>52</v>
      </c>
      <c r="C30" s="314"/>
      <c r="D30" s="63" t="s">
        <v>238</v>
      </c>
      <c r="E30" s="14"/>
      <c r="F30" s="714" t="s">
        <v>218</v>
      </c>
      <c r="G30" s="714"/>
      <c r="H30" s="714"/>
      <c r="I30" s="714"/>
      <c r="J30" s="63" t="s">
        <v>239</v>
      </c>
      <c r="K30" s="14"/>
      <c r="L30" s="714" t="s">
        <v>223</v>
      </c>
      <c r="M30" s="714"/>
      <c r="N30" s="714"/>
      <c r="O30" s="714"/>
      <c r="P30" s="714"/>
      <c r="Q30" s="14"/>
      <c r="R30" s="65"/>
      <c r="S30" s="581"/>
      <c r="T30" s="582"/>
      <c r="U30" s="314" t="s">
        <v>240</v>
      </c>
      <c r="V30" s="574"/>
      <c r="W30" s="574"/>
      <c r="X30" s="724" t="s">
        <v>211</v>
      </c>
      <c r="Y30" s="714"/>
      <c r="Z30" s="714"/>
      <c r="AA30" s="714"/>
      <c r="AB30" s="714"/>
      <c r="AC30" s="609" t="s">
        <v>241</v>
      </c>
      <c r="AD30" s="610"/>
      <c r="AE30" s="610"/>
      <c r="AF30" s="724" t="s">
        <v>210</v>
      </c>
      <c r="AG30" s="714"/>
      <c r="AH30" s="714"/>
      <c r="AI30" s="714"/>
      <c r="AJ30" s="725"/>
      <c r="AL30" s="33" t="s">
        <v>242</v>
      </c>
      <c r="AM30" s="33" t="s">
        <v>243</v>
      </c>
      <c r="AN30" s="33" t="s">
        <v>503</v>
      </c>
      <c r="AO30" s="33"/>
      <c r="AP30" s="33"/>
      <c r="AQ30" s="33"/>
      <c r="AR30" s="33"/>
    </row>
    <row r="31" spans="1:70" ht="18" customHeight="1" x14ac:dyDescent="0.2">
      <c r="A31" s="601"/>
      <c r="B31" s="314"/>
      <c r="C31" s="314"/>
      <c r="D31" s="63" t="s">
        <v>504</v>
      </c>
      <c r="E31" s="14"/>
      <c r="F31" s="720" t="s">
        <v>207</v>
      </c>
      <c r="G31" s="720"/>
      <c r="H31" s="14"/>
      <c r="I31" s="14"/>
      <c r="J31" s="14"/>
      <c r="K31" s="14"/>
      <c r="L31" s="14"/>
      <c r="M31" s="14"/>
      <c r="N31" s="14"/>
      <c r="O31" s="14"/>
      <c r="P31" s="14"/>
      <c r="Q31" s="14"/>
      <c r="R31" s="65"/>
      <c r="S31" s="581"/>
      <c r="T31" s="582"/>
      <c r="U31" s="314" t="s">
        <v>246</v>
      </c>
      <c r="V31" s="574"/>
      <c r="W31" s="574"/>
      <c r="X31" s="724" t="s">
        <v>210</v>
      </c>
      <c r="Y31" s="714"/>
      <c r="Z31" s="714"/>
      <c r="AA31" s="714"/>
      <c r="AB31" s="714"/>
      <c r="AC31" s="609" t="s">
        <v>247</v>
      </c>
      <c r="AD31" s="610"/>
      <c r="AE31" s="610"/>
      <c r="AF31" s="724" t="s">
        <v>210</v>
      </c>
      <c r="AG31" s="714"/>
      <c r="AH31" s="714"/>
      <c r="AI31" s="714"/>
      <c r="AJ31" s="725"/>
      <c r="AL31" s="33" t="s">
        <v>505</v>
      </c>
      <c r="AM31" s="33" t="s">
        <v>506</v>
      </c>
      <c r="AN31" s="33" t="s">
        <v>507</v>
      </c>
      <c r="AO31" s="33" t="s">
        <v>251</v>
      </c>
      <c r="AP31" s="33" t="s">
        <v>252</v>
      </c>
      <c r="AQ31" s="33"/>
      <c r="AR31" s="33"/>
    </row>
    <row r="32" spans="1:70" ht="18" customHeight="1" x14ac:dyDescent="0.2">
      <c r="A32" s="602"/>
      <c r="B32" s="588" t="s">
        <v>53</v>
      </c>
      <c r="C32" s="588"/>
      <c r="D32" s="722" t="s">
        <v>226</v>
      </c>
      <c r="E32" s="722"/>
      <c r="F32" s="722"/>
      <c r="G32" s="722"/>
      <c r="H32" s="722"/>
      <c r="I32" s="204"/>
      <c r="J32" s="204"/>
      <c r="K32" s="48"/>
      <c r="L32" s="205" t="s">
        <v>253</v>
      </c>
      <c r="M32" s="48"/>
      <c r="N32" s="711" t="s">
        <v>236</v>
      </c>
      <c r="O32" s="711"/>
      <c r="P32" s="711"/>
      <c r="Q32" s="711"/>
      <c r="R32" s="723"/>
      <c r="S32" s="581"/>
      <c r="T32" s="582" t="s">
        <v>55</v>
      </c>
      <c r="U32" s="314" t="s">
        <v>254</v>
      </c>
      <c r="V32" s="574"/>
      <c r="W32" s="574"/>
      <c r="X32" s="724" t="s">
        <v>211</v>
      </c>
      <c r="Y32" s="714"/>
      <c r="Z32" s="714"/>
      <c r="AA32" s="714"/>
      <c r="AB32" s="714"/>
      <c r="AC32" s="14"/>
      <c r="AD32" s="14"/>
      <c r="AE32" s="14"/>
      <c r="AF32" s="14"/>
      <c r="AG32" s="14"/>
      <c r="AH32" s="14"/>
      <c r="AI32" s="14"/>
      <c r="AJ32" s="15"/>
      <c r="AL32" s="33" t="s">
        <v>255</v>
      </c>
      <c r="AM32" s="33" t="s">
        <v>256</v>
      </c>
      <c r="AN32" s="33" t="s">
        <v>257</v>
      </c>
      <c r="AO32" s="33"/>
      <c r="AP32" s="33"/>
      <c r="AQ32" s="33"/>
      <c r="AR32" s="33"/>
    </row>
    <row r="33" spans="1:50" ht="18" customHeight="1" x14ac:dyDescent="0.2">
      <c r="A33" s="600" t="s">
        <v>54</v>
      </c>
      <c r="B33" s="566" t="s">
        <v>258</v>
      </c>
      <c r="C33" s="567"/>
      <c r="D33" s="712" t="s">
        <v>211</v>
      </c>
      <c r="E33" s="712"/>
      <c r="F33" s="712"/>
      <c r="G33" s="712"/>
      <c r="H33" s="712"/>
      <c r="I33" s="273"/>
      <c r="J33" s="603" t="s">
        <v>259</v>
      </c>
      <c r="K33" s="604"/>
      <c r="L33" s="712" t="s">
        <v>211</v>
      </c>
      <c r="M33" s="712"/>
      <c r="N33" s="712"/>
      <c r="O33" s="712"/>
      <c r="P33" s="712"/>
      <c r="Q33" s="273"/>
      <c r="R33" s="206"/>
      <c r="S33" s="583"/>
      <c r="T33" s="584"/>
      <c r="U33" s="605" t="s">
        <v>260</v>
      </c>
      <c r="V33" s="605"/>
      <c r="W33" s="605"/>
      <c r="X33" s="711" t="s">
        <v>299</v>
      </c>
      <c r="Y33" s="711"/>
      <c r="Z33" s="711"/>
      <c r="AA33" s="711"/>
      <c r="AB33" s="711"/>
      <c r="AC33" s="590" t="s">
        <v>261</v>
      </c>
      <c r="AD33" s="591"/>
      <c r="AE33" s="717" t="s">
        <v>299</v>
      </c>
      <c r="AF33" s="711"/>
      <c r="AG33" s="711"/>
      <c r="AH33" s="711"/>
      <c r="AI33" s="711"/>
      <c r="AJ33" s="718"/>
      <c r="AL33" s="33" t="s">
        <v>262</v>
      </c>
      <c r="AM33" s="33" t="s">
        <v>263</v>
      </c>
      <c r="AN33" s="33"/>
      <c r="AO33" s="33"/>
      <c r="AP33" s="33"/>
      <c r="AQ33" s="33"/>
      <c r="AR33" s="33"/>
    </row>
    <row r="34" spans="1:50" ht="18" customHeight="1" x14ac:dyDescent="0.2">
      <c r="A34" s="601"/>
      <c r="B34" s="314" t="s">
        <v>56</v>
      </c>
      <c r="C34" s="314"/>
      <c r="D34" s="719" t="s">
        <v>207</v>
      </c>
      <c r="E34" s="720"/>
      <c r="F34" s="14" t="s">
        <v>264</v>
      </c>
      <c r="G34" s="14"/>
      <c r="H34" s="14"/>
      <c r="I34" s="14"/>
      <c r="J34" s="720" t="s">
        <v>508</v>
      </c>
      <c r="K34" s="720"/>
      <c r="L34" s="720"/>
      <c r="M34" s="207" t="s">
        <v>509</v>
      </c>
      <c r="N34" s="14"/>
      <c r="O34" s="14"/>
      <c r="P34" s="14"/>
      <c r="Q34" s="14"/>
      <c r="R34" s="65"/>
      <c r="S34" s="596" t="s">
        <v>266</v>
      </c>
      <c r="T34" s="578"/>
      <c r="U34" s="689" t="s">
        <v>210</v>
      </c>
      <c r="V34" s="689"/>
      <c r="W34" s="689"/>
      <c r="X34" s="689"/>
      <c r="Y34" s="689"/>
      <c r="Z34" s="4"/>
      <c r="AA34" s="4"/>
      <c r="AB34" s="4"/>
      <c r="AC34" s="597" t="s">
        <v>267</v>
      </c>
      <c r="AD34" s="598"/>
      <c r="AE34" s="721" t="s">
        <v>210</v>
      </c>
      <c r="AF34" s="689"/>
      <c r="AG34" s="689"/>
      <c r="AH34" s="689"/>
      <c r="AI34" s="689"/>
      <c r="AJ34" s="5"/>
      <c r="AL34" s="33" t="s">
        <v>510</v>
      </c>
      <c r="AM34" s="33" t="s">
        <v>269</v>
      </c>
      <c r="AN34" s="33"/>
      <c r="AO34" s="33"/>
      <c r="AP34" s="33"/>
      <c r="AQ34" s="33"/>
      <c r="AR34" s="33"/>
    </row>
    <row r="35" spans="1:50" ht="18" customHeight="1" x14ac:dyDescent="0.2">
      <c r="A35" s="602"/>
      <c r="B35" s="208" t="s">
        <v>53</v>
      </c>
      <c r="C35" s="209" t="s">
        <v>270</v>
      </c>
      <c r="D35" s="48"/>
      <c r="E35" s="711" t="s">
        <v>511</v>
      </c>
      <c r="F35" s="711"/>
      <c r="G35" s="711"/>
      <c r="H35" s="711"/>
      <c r="I35" s="48"/>
      <c r="J35" s="210" t="s">
        <v>271</v>
      </c>
      <c r="K35" s="66"/>
      <c r="L35" s="711" t="s">
        <v>512</v>
      </c>
      <c r="M35" s="711"/>
      <c r="N35" s="711"/>
      <c r="O35" s="711"/>
      <c r="P35" s="48"/>
      <c r="Q35" s="48"/>
      <c r="R35" s="49"/>
      <c r="S35" s="596" t="s">
        <v>59</v>
      </c>
      <c r="T35" s="578"/>
      <c r="U35" s="689" t="s">
        <v>307</v>
      </c>
      <c r="V35" s="689"/>
      <c r="W35" s="689"/>
      <c r="X35" s="689"/>
      <c r="Y35" s="273" t="s">
        <v>272</v>
      </c>
      <c r="Z35" s="273"/>
      <c r="AA35" s="273"/>
      <c r="AB35" s="575"/>
      <c r="AC35" s="575"/>
      <c r="AD35" s="273" t="s">
        <v>513</v>
      </c>
      <c r="AE35" s="525"/>
      <c r="AF35" s="576"/>
      <c r="AG35" s="576"/>
      <c r="AH35" s="576"/>
      <c r="AI35" s="576"/>
      <c r="AJ35" s="30" t="s">
        <v>180</v>
      </c>
      <c r="AL35" s="33" t="s">
        <v>514</v>
      </c>
      <c r="AM35" s="33" t="s">
        <v>515</v>
      </c>
      <c r="AN35" s="33"/>
      <c r="AO35" s="33"/>
      <c r="AP35" s="33"/>
      <c r="AQ35" s="33"/>
      <c r="AR35" s="33"/>
    </row>
    <row r="36" spans="1:50" ht="18" customHeight="1" x14ac:dyDescent="0.2">
      <c r="A36" s="212" t="s">
        <v>57</v>
      </c>
      <c r="B36" s="577" t="s">
        <v>276</v>
      </c>
      <c r="C36" s="578"/>
      <c r="D36" s="4"/>
      <c r="E36" s="689" t="s">
        <v>210</v>
      </c>
      <c r="F36" s="689"/>
      <c r="G36" s="689"/>
      <c r="H36" s="689"/>
      <c r="I36" s="689"/>
      <c r="J36" s="4"/>
      <c r="K36" s="4"/>
      <c r="L36" s="213" t="s">
        <v>277</v>
      </c>
      <c r="M36" s="4"/>
      <c r="N36" s="689" t="s">
        <v>256</v>
      </c>
      <c r="O36" s="689"/>
      <c r="P36" s="689"/>
      <c r="Q36" s="689"/>
      <c r="R36" s="214"/>
      <c r="S36" s="579" t="s">
        <v>63</v>
      </c>
      <c r="T36" s="580"/>
      <c r="U36" s="273" t="s">
        <v>278</v>
      </c>
      <c r="V36" s="273"/>
      <c r="W36" s="273"/>
      <c r="X36" s="265" t="s">
        <v>207</v>
      </c>
      <c r="Y36" s="273"/>
      <c r="Z36" s="273" t="s">
        <v>516</v>
      </c>
      <c r="AA36" s="715" t="s">
        <v>517</v>
      </c>
      <c r="AB36" s="716"/>
      <c r="AC36" s="716"/>
      <c r="AD36" s="716"/>
      <c r="AE36" s="716"/>
      <c r="AF36" s="716"/>
      <c r="AG36" s="716"/>
      <c r="AH36" s="29" t="s">
        <v>292</v>
      </c>
      <c r="AI36" s="273"/>
      <c r="AJ36" s="37"/>
      <c r="AL36" s="33" t="s">
        <v>279</v>
      </c>
      <c r="AM36" s="33" t="s">
        <v>280</v>
      </c>
      <c r="AN36" s="33" t="s">
        <v>281</v>
      </c>
      <c r="AO36" s="33"/>
      <c r="AP36" s="33"/>
      <c r="AQ36" s="33"/>
      <c r="AR36" s="33"/>
    </row>
    <row r="37" spans="1:50" ht="18" customHeight="1" x14ac:dyDescent="0.2">
      <c r="A37" s="563" t="s">
        <v>518</v>
      </c>
      <c r="B37" s="566" t="s">
        <v>62</v>
      </c>
      <c r="C37" s="567"/>
      <c r="D37" s="273"/>
      <c r="E37" s="712" t="s">
        <v>262</v>
      </c>
      <c r="F37" s="712"/>
      <c r="G37" s="712"/>
      <c r="H37" s="712"/>
      <c r="I37" s="712"/>
      <c r="J37" s="215"/>
      <c r="K37" s="215"/>
      <c r="L37" s="216" t="s">
        <v>283</v>
      </c>
      <c r="M37" s="215"/>
      <c r="N37" s="712" t="s">
        <v>269</v>
      </c>
      <c r="O37" s="712"/>
      <c r="P37" s="712"/>
      <c r="Q37" s="712"/>
      <c r="R37" s="206"/>
      <c r="S37" s="581"/>
      <c r="T37" s="582"/>
      <c r="U37" s="63" t="s">
        <v>284</v>
      </c>
      <c r="V37" s="14"/>
      <c r="W37" s="14"/>
      <c r="X37" s="14"/>
      <c r="Y37" s="14"/>
      <c r="Z37" s="266" t="s">
        <v>207</v>
      </c>
      <c r="AA37" s="14"/>
      <c r="AB37" s="14" t="s">
        <v>516</v>
      </c>
      <c r="AC37" s="713" t="s">
        <v>519</v>
      </c>
      <c r="AD37" s="713"/>
      <c r="AE37" s="713"/>
      <c r="AF37" s="713"/>
      <c r="AG37" s="713"/>
      <c r="AH37" s="713"/>
      <c r="AI37" s="713"/>
      <c r="AJ37" s="15" t="s">
        <v>265</v>
      </c>
      <c r="AL37" s="33" t="s">
        <v>287</v>
      </c>
      <c r="AM37" s="33" t="s">
        <v>288</v>
      </c>
      <c r="AN37" s="33" t="s">
        <v>289</v>
      </c>
      <c r="AO37" s="33" t="s">
        <v>290</v>
      </c>
      <c r="AP37" s="33"/>
      <c r="AQ37" s="33"/>
      <c r="AR37" s="33"/>
    </row>
    <row r="38" spans="1:50" ht="18" customHeight="1" x14ac:dyDescent="0.2">
      <c r="A38" s="564"/>
      <c r="B38" s="571" t="s">
        <v>64</v>
      </c>
      <c r="C38" s="572"/>
      <c r="D38" s="63"/>
      <c r="E38" s="714" t="s">
        <v>520</v>
      </c>
      <c r="F38" s="714"/>
      <c r="G38" s="714"/>
      <c r="H38" s="714"/>
      <c r="I38" s="714"/>
      <c r="J38" s="14" t="s">
        <v>291</v>
      </c>
      <c r="K38" s="14"/>
      <c r="L38" s="14"/>
      <c r="M38" s="569"/>
      <c r="N38" s="569"/>
      <c r="O38" s="569"/>
      <c r="P38" s="569"/>
      <c r="Q38" s="569"/>
      <c r="R38" s="65" t="s">
        <v>265</v>
      </c>
      <c r="S38" s="581"/>
      <c r="T38" s="582"/>
      <c r="U38" s="63" t="s">
        <v>293</v>
      </c>
      <c r="V38" s="14"/>
      <c r="W38" s="14"/>
      <c r="X38" s="266" t="s">
        <v>206</v>
      </c>
      <c r="Y38" s="14"/>
      <c r="Z38" s="14" t="s">
        <v>516</v>
      </c>
      <c r="AA38" s="569"/>
      <c r="AB38" s="570"/>
      <c r="AC38" s="570"/>
      <c r="AD38" s="570"/>
      <c r="AE38" s="570"/>
      <c r="AF38" s="570"/>
      <c r="AG38" s="570"/>
      <c r="AH38" s="207" t="s">
        <v>286</v>
      </c>
      <c r="AI38" s="14"/>
      <c r="AJ38" s="15"/>
      <c r="AL38" s="33" t="s">
        <v>294</v>
      </c>
      <c r="AM38" s="33" t="s">
        <v>295</v>
      </c>
      <c r="AN38" s="33" t="s">
        <v>296</v>
      </c>
      <c r="AO38" s="33" t="s">
        <v>297</v>
      </c>
      <c r="AP38" s="33" t="s">
        <v>298</v>
      </c>
      <c r="AQ38" s="33" t="s">
        <v>299</v>
      </c>
      <c r="AR38" s="33"/>
    </row>
    <row r="39" spans="1:50" ht="18" customHeight="1" x14ac:dyDescent="0.2">
      <c r="A39" s="564"/>
      <c r="B39" s="314" t="s">
        <v>65</v>
      </c>
      <c r="C39" s="574"/>
      <c r="D39" s="63" t="s">
        <v>300</v>
      </c>
      <c r="E39" s="218"/>
      <c r="F39" s="218"/>
      <c r="G39" s="218"/>
      <c r="H39" s="714" t="s">
        <v>279</v>
      </c>
      <c r="I39" s="714"/>
      <c r="J39" s="714"/>
      <c r="K39" s="714"/>
      <c r="L39" s="14"/>
      <c r="M39" s="14" t="s">
        <v>301</v>
      </c>
      <c r="N39" s="14"/>
      <c r="O39" s="14"/>
      <c r="P39" s="217"/>
      <c r="Q39" s="14"/>
      <c r="R39" s="14"/>
      <c r="S39" s="581"/>
      <c r="T39" s="582"/>
      <c r="U39" s="28" t="s">
        <v>302</v>
      </c>
      <c r="V39" s="107"/>
      <c r="W39" s="107"/>
      <c r="X39" s="267" t="s">
        <v>206</v>
      </c>
      <c r="Y39" s="107"/>
      <c r="Z39" s="107" t="s">
        <v>516</v>
      </c>
      <c r="AA39" s="587"/>
      <c r="AB39" s="587"/>
      <c r="AC39" s="587"/>
      <c r="AD39" s="587"/>
      <c r="AE39" s="587"/>
      <c r="AF39" s="587"/>
      <c r="AG39" s="587"/>
      <c r="AH39" s="24" t="s">
        <v>521</v>
      </c>
      <c r="AI39" s="107"/>
      <c r="AJ39" s="52"/>
      <c r="AL39" s="33" t="s">
        <v>294</v>
      </c>
      <c r="AM39" s="33" t="s">
        <v>295</v>
      </c>
      <c r="AN39" s="33" t="s">
        <v>297</v>
      </c>
      <c r="AO39" s="33" t="s">
        <v>522</v>
      </c>
      <c r="AP39" s="33" t="s">
        <v>298</v>
      </c>
      <c r="AQ39" s="33" t="s">
        <v>299</v>
      </c>
      <c r="AR39" s="33" t="s">
        <v>523</v>
      </c>
    </row>
    <row r="40" spans="1:50" ht="18" customHeight="1" x14ac:dyDescent="0.2">
      <c r="A40" s="565"/>
      <c r="B40" s="588" t="s">
        <v>67</v>
      </c>
      <c r="C40" s="589"/>
      <c r="D40" s="48" t="s">
        <v>300</v>
      </c>
      <c r="E40" s="48"/>
      <c r="F40" s="48"/>
      <c r="G40" s="48"/>
      <c r="H40" s="711" t="s">
        <v>279</v>
      </c>
      <c r="I40" s="711"/>
      <c r="J40" s="711"/>
      <c r="K40" s="711"/>
      <c r="L40" s="48"/>
      <c r="M40" s="48" t="s">
        <v>305</v>
      </c>
      <c r="N40" s="48"/>
      <c r="O40" s="48"/>
      <c r="P40" s="231"/>
      <c r="Q40" s="48"/>
      <c r="R40" s="49"/>
      <c r="S40" s="581"/>
      <c r="T40" s="582"/>
      <c r="U40" s="221" t="s">
        <v>316</v>
      </c>
      <c r="V40" s="556"/>
      <c r="W40" s="556"/>
      <c r="X40" s="556"/>
      <c r="Y40" s="556"/>
      <c r="Z40" s="556"/>
      <c r="AA40" s="64" t="s">
        <v>524</v>
      </c>
      <c r="AB40" s="64" t="s">
        <v>88</v>
      </c>
      <c r="AC40" s="64"/>
      <c r="AD40" s="557"/>
      <c r="AE40" s="558"/>
      <c r="AF40" s="558"/>
      <c r="AG40" s="558"/>
      <c r="AH40" s="71" t="s">
        <v>509</v>
      </c>
      <c r="AI40" s="64"/>
      <c r="AJ40" s="81"/>
      <c r="AL40" s="33" t="s">
        <v>307</v>
      </c>
      <c r="AM40" s="33" t="s">
        <v>308</v>
      </c>
      <c r="AN40" s="33"/>
      <c r="AO40" s="33"/>
      <c r="AP40" s="33"/>
      <c r="AQ40" s="33"/>
      <c r="AR40" s="33"/>
    </row>
    <row r="41" spans="1:50" ht="18" customHeight="1" x14ac:dyDescent="0.2">
      <c r="A41" s="559" t="s">
        <v>309</v>
      </c>
      <c r="B41" s="560"/>
      <c r="C41" s="560"/>
      <c r="D41" s="689" t="s">
        <v>210</v>
      </c>
      <c r="E41" s="689"/>
      <c r="F41" s="689"/>
      <c r="G41" s="689"/>
      <c r="H41" s="273" t="s">
        <v>310</v>
      </c>
      <c r="I41" s="273"/>
      <c r="J41" s="262" t="s">
        <v>207</v>
      </c>
      <c r="K41" s="273" t="s">
        <v>311</v>
      </c>
      <c r="L41" s="273"/>
      <c r="M41" s="262" t="s">
        <v>207</v>
      </c>
      <c r="N41" s="222" t="s">
        <v>525</v>
      </c>
      <c r="O41" s="273" t="s">
        <v>313</v>
      </c>
      <c r="P41" s="273"/>
      <c r="Q41" s="262" t="s">
        <v>207</v>
      </c>
      <c r="R41" s="28" t="s">
        <v>526</v>
      </c>
      <c r="S41" s="581"/>
      <c r="T41" s="582"/>
      <c r="U41" s="167" t="s">
        <v>315</v>
      </c>
      <c r="V41" s="223"/>
      <c r="W41" s="223"/>
      <c r="X41" s="268" t="s">
        <v>206</v>
      </c>
      <c r="Y41" s="223" t="s">
        <v>204</v>
      </c>
      <c r="Z41" s="561"/>
      <c r="AA41" s="562"/>
      <c r="AB41" s="225"/>
      <c r="AC41" s="225"/>
      <c r="AD41" s="225"/>
      <c r="AE41" s="225"/>
      <c r="AF41" s="225"/>
      <c r="AG41" s="225"/>
      <c r="AH41" s="226"/>
      <c r="AI41" s="227" t="s">
        <v>265</v>
      </c>
      <c r="AJ41" s="228"/>
      <c r="AL41" s="33" t="s">
        <v>527</v>
      </c>
      <c r="AM41" s="33" t="s">
        <v>528</v>
      </c>
      <c r="AN41" s="33" t="s">
        <v>529</v>
      </c>
      <c r="AO41" s="33" t="s">
        <v>530</v>
      </c>
      <c r="AP41" s="33" t="s">
        <v>531</v>
      </c>
      <c r="AQ41" s="33" t="s">
        <v>532</v>
      </c>
      <c r="AR41" s="33" t="s">
        <v>533</v>
      </c>
    </row>
    <row r="42" spans="1:50" ht="18" customHeight="1" x14ac:dyDescent="0.2">
      <c r="A42" s="544" t="s">
        <v>68</v>
      </c>
      <c r="B42" s="545"/>
      <c r="C42" s="545"/>
      <c r="D42" s="94"/>
      <c r="E42" s="269" t="s">
        <v>206</v>
      </c>
      <c r="F42" s="94"/>
      <c r="G42" s="94" t="s">
        <v>325</v>
      </c>
      <c r="H42" s="94"/>
      <c r="I42" s="546"/>
      <c r="J42" s="546"/>
      <c r="K42" s="546"/>
      <c r="L42" s="546"/>
      <c r="M42" s="546"/>
      <c r="N42" s="546"/>
      <c r="O42" s="546"/>
      <c r="P42" s="546"/>
      <c r="Q42" s="546"/>
      <c r="R42" s="230" t="s">
        <v>265</v>
      </c>
      <c r="S42" s="583"/>
      <c r="T42" s="584"/>
      <c r="U42" s="8" t="s">
        <v>534</v>
      </c>
      <c r="V42" s="547"/>
      <c r="W42" s="547"/>
      <c r="X42" s="547"/>
      <c r="Y42" s="547"/>
      <c r="Z42" s="48" t="s">
        <v>327</v>
      </c>
      <c r="AA42" s="48"/>
      <c r="AB42" s="48" t="s">
        <v>88</v>
      </c>
      <c r="AC42" s="48"/>
      <c r="AD42" s="548"/>
      <c r="AE42" s="549"/>
      <c r="AF42" s="549"/>
      <c r="AG42" s="549"/>
      <c r="AH42" s="8" t="s">
        <v>265</v>
      </c>
      <c r="AI42" s="48"/>
      <c r="AJ42" s="38"/>
      <c r="AL42" s="33" t="s">
        <v>535</v>
      </c>
      <c r="AM42" s="33" t="s">
        <v>536</v>
      </c>
      <c r="AN42" s="33" t="s">
        <v>537</v>
      </c>
      <c r="AO42" s="33" t="s">
        <v>538</v>
      </c>
      <c r="AP42" s="33" t="s">
        <v>539</v>
      </c>
      <c r="AQ42" s="33" t="s">
        <v>540</v>
      </c>
      <c r="AR42" s="33" t="s">
        <v>541</v>
      </c>
    </row>
    <row r="43" spans="1:50" ht="18" customHeight="1" x14ac:dyDescent="0.2">
      <c r="A43" s="550" t="s">
        <v>69</v>
      </c>
      <c r="B43" s="527"/>
      <c r="C43" s="527"/>
      <c r="D43" s="95"/>
      <c r="E43" s="270" t="s">
        <v>206</v>
      </c>
      <c r="F43" s="95"/>
      <c r="G43" s="95" t="s">
        <v>325</v>
      </c>
      <c r="H43" s="95"/>
      <c r="I43" s="551"/>
      <c r="J43" s="551"/>
      <c r="K43" s="551"/>
      <c r="L43" s="551"/>
      <c r="M43" s="551"/>
      <c r="N43" s="551"/>
      <c r="O43" s="551"/>
      <c r="P43" s="551"/>
      <c r="Q43" s="551"/>
      <c r="R43" s="233" t="s">
        <v>509</v>
      </c>
      <c r="S43" s="552" t="s">
        <v>79</v>
      </c>
      <c r="T43" s="545"/>
      <c r="U43" s="545"/>
      <c r="V43" s="708" t="s">
        <v>542</v>
      </c>
      <c r="W43" s="708"/>
      <c r="X43" s="708"/>
      <c r="Y43" s="708"/>
      <c r="Z43" s="94" t="s">
        <v>335</v>
      </c>
      <c r="AA43" s="94"/>
      <c r="AB43" s="94"/>
      <c r="AC43" s="94"/>
      <c r="AD43" s="94"/>
      <c r="AE43" s="709" t="s">
        <v>442</v>
      </c>
      <c r="AF43" s="710"/>
      <c r="AG43" s="710"/>
      <c r="AH43" s="710"/>
      <c r="AI43" s="710"/>
      <c r="AJ43" s="234" t="s">
        <v>509</v>
      </c>
      <c r="AL43" s="33" t="s">
        <v>336</v>
      </c>
      <c r="AM43" s="33" t="s">
        <v>337</v>
      </c>
      <c r="AN43" s="33" t="s">
        <v>338</v>
      </c>
      <c r="AO43" s="33" t="s">
        <v>339</v>
      </c>
      <c r="AP43" s="33"/>
      <c r="AQ43" s="33"/>
      <c r="AR43" s="33"/>
    </row>
    <row r="44" spans="1:50" ht="18" customHeight="1" x14ac:dyDescent="0.2">
      <c r="A44" s="521" t="s">
        <v>81</v>
      </c>
      <c r="B44" s="522"/>
      <c r="C44" s="522"/>
      <c r="D44" s="522"/>
      <c r="E44" s="522"/>
      <c r="F44" s="689" t="s">
        <v>337</v>
      </c>
      <c r="G44" s="689"/>
      <c r="H44" s="689"/>
      <c r="I44" s="689"/>
      <c r="J44" s="689"/>
      <c r="K44" s="235" t="s">
        <v>534</v>
      </c>
      <c r="L44" s="690" t="s">
        <v>543</v>
      </c>
      <c r="M44" s="691"/>
      <c r="N44" s="691"/>
      <c r="O44" s="691"/>
      <c r="P44" s="691"/>
      <c r="Q44" s="691"/>
      <c r="R44" s="236" t="s">
        <v>509</v>
      </c>
      <c r="S44" s="526" t="s">
        <v>80</v>
      </c>
      <c r="T44" s="527"/>
      <c r="U44" s="527"/>
      <c r="V44" s="692" t="s">
        <v>544</v>
      </c>
      <c r="W44" s="692"/>
      <c r="X44" s="692"/>
      <c r="Y44" s="692"/>
      <c r="Z44" s="692"/>
      <c r="AA44" s="692"/>
      <c r="AB44" s="237"/>
      <c r="AC44" s="95"/>
      <c r="AD44" s="95"/>
      <c r="AE44" s="95"/>
      <c r="AF44" s="95"/>
      <c r="AG44" s="238"/>
      <c r="AH44" s="95"/>
      <c r="AI44" s="95"/>
      <c r="AJ44" s="239"/>
      <c r="AL44" s="33" t="s">
        <v>545</v>
      </c>
      <c r="AM44" s="33" t="s">
        <v>546</v>
      </c>
      <c r="AN44" s="33" t="s">
        <v>342</v>
      </c>
      <c r="AO44" s="33"/>
      <c r="AP44" s="33"/>
      <c r="AQ44" s="33"/>
      <c r="AR44" s="33"/>
    </row>
    <row r="45" spans="1:50" ht="18" customHeight="1" x14ac:dyDescent="0.2">
      <c r="A45" s="693" t="s">
        <v>149</v>
      </c>
      <c r="B45" s="694"/>
      <c r="C45" s="694"/>
      <c r="D45" s="699" t="s">
        <v>547</v>
      </c>
      <c r="E45" s="699"/>
      <c r="F45" s="700"/>
      <c r="G45" s="700"/>
      <c r="H45" s="700"/>
      <c r="I45" s="700"/>
      <c r="J45" s="700"/>
      <c r="K45" s="700"/>
      <c r="L45" s="700"/>
      <c r="M45" s="700"/>
      <c r="N45" s="700"/>
      <c r="O45" s="700"/>
      <c r="P45" s="700"/>
      <c r="Q45" s="700"/>
      <c r="R45" s="701"/>
      <c r="S45" s="702" t="s">
        <v>150</v>
      </c>
      <c r="T45" s="694"/>
      <c r="U45" s="694"/>
      <c r="V45" s="700" t="s">
        <v>548</v>
      </c>
      <c r="W45" s="700"/>
      <c r="X45" s="700"/>
      <c r="Y45" s="700"/>
      <c r="Z45" s="700"/>
      <c r="AA45" s="700"/>
      <c r="AB45" s="700"/>
      <c r="AC45" s="700"/>
      <c r="AD45" s="700"/>
      <c r="AE45" s="700"/>
      <c r="AF45" s="700"/>
      <c r="AG45" s="700"/>
      <c r="AH45" s="700"/>
      <c r="AI45" s="700"/>
      <c r="AJ45" s="705"/>
      <c r="AK45" s="107"/>
      <c r="AL45" s="33" t="s">
        <v>549</v>
      </c>
      <c r="AM45" s="33" t="s">
        <v>550</v>
      </c>
      <c r="AN45" s="33" t="s">
        <v>551</v>
      </c>
      <c r="AO45" s="33" t="s">
        <v>552</v>
      </c>
      <c r="AP45" s="33" t="s">
        <v>553</v>
      </c>
      <c r="AQ45" s="33" t="s">
        <v>359</v>
      </c>
      <c r="AR45" s="33" t="s">
        <v>369</v>
      </c>
      <c r="AS45" s="33" t="s">
        <v>554</v>
      </c>
      <c r="AT45" s="33" t="s">
        <v>555</v>
      </c>
      <c r="AU45" s="33" t="s">
        <v>556</v>
      </c>
      <c r="AV45" s="33" t="s">
        <v>557</v>
      </c>
      <c r="AW45" s="33" t="s">
        <v>558</v>
      </c>
      <c r="AX45" s="33"/>
    </row>
    <row r="46" spans="1:50" ht="18" customHeight="1" x14ac:dyDescent="0.2">
      <c r="A46" s="695"/>
      <c r="B46" s="696"/>
      <c r="C46" s="696"/>
      <c r="D46" s="700"/>
      <c r="E46" s="700"/>
      <c r="F46" s="700"/>
      <c r="G46" s="700"/>
      <c r="H46" s="700"/>
      <c r="I46" s="700"/>
      <c r="J46" s="700"/>
      <c r="K46" s="700"/>
      <c r="L46" s="700"/>
      <c r="M46" s="700"/>
      <c r="N46" s="700"/>
      <c r="O46" s="700"/>
      <c r="P46" s="700"/>
      <c r="Q46" s="700"/>
      <c r="R46" s="701"/>
      <c r="S46" s="703"/>
      <c r="T46" s="696"/>
      <c r="U46" s="696"/>
      <c r="V46" s="700"/>
      <c r="W46" s="700"/>
      <c r="X46" s="700"/>
      <c r="Y46" s="700"/>
      <c r="Z46" s="700"/>
      <c r="AA46" s="700"/>
      <c r="AB46" s="700"/>
      <c r="AC46" s="700"/>
      <c r="AD46" s="700"/>
      <c r="AE46" s="700"/>
      <c r="AF46" s="700"/>
      <c r="AG46" s="700"/>
      <c r="AH46" s="700"/>
      <c r="AI46" s="700"/>
      <c r="AJ46" s="705"/>
      <c r="AK46" s="107"/>
      <c r="AL46" s="33" t="s">
        <v>559</v>
      </c>
      <c r="AM46" s="33" t="s">
        <v>551</v>
      </c>
      <c r="AN46" s="33" t="s">
        <v>560</v>
      </c>
      <c r="AO46" s="33" t="s">
        <v>561</v>
      </c>
      <c r="AP46" s="33" t="s">
        <v>562</v>
      </c>
      <c r="AQ46" s="33" t="s">
        <v>563</v>
      </c>
      <c r="AR46" s="33" t="s">
        <v>390</v>
      </c>
      <c r="AS46" s="33" t="s">
        <v>564</v>
      </c>
      <c r="AT46" s="33" t="s">
        <v>556</v>
      </c>
      <c r="AU46" s="33" t="s">
        <v>557</v>
      </c>
      <c r="AV46" s="33" t="s">
        <v>379</v>
      </c>
      <c r="AW46" s="33"/>
      <c r="AX46" s="33"/>
    </row>
    <row r="47" spans="1:50" ht="18" customHeight="1" x14ac:dyDescent="0.2">
      <c r="A47" s="697"/>
      <c r="B47" s="698"/>
      <c r="C47" s="698"/>
      <c r="D47" s="700"/>
      <c r="E47" s="700"/>
      <c r="F47" s="700"/>
      <c r="G47" s="700"/>
      <c r="H47" s="700"/>
      <c r="I47" s="700"/>
      <c r="J47" s="700"/>
      <c r="K47" s="700"/>
      <c r="L47" s="700"/>
      <c r="M47" s="700"/>
      <c r="N47" s="700"/>
      <c r="O47" s="700"/>
      <c r="P47" s="700"/>
      <c r="Q47" s="700"/>
      <c r="R47" s="701"/>
      <c r="S47" s="704"/>
      <c r="T47" s="698"/>
      <c r="U47" s="698"/>
      <c r="V47" s="706"/>
      <c r="W47" s="706"/>
      <c r="X47" s="706"/>
      <c r="Y47" s="706"/>
      <c r="Z47" s="706"/>
      <c r="AA47" s="706"/>
      <c r="AB47" s="706"/>
      <c r="AC47" s="706"/>
      <c r="AD47" s="706"/>
      <c r="AE47" s="706"/>
      <c r="AF47" s="706"/>
      <c r="AG47" s="706"/>
      <c r="AH47" s="706"/>
      <c r="AI47" s="706"/>
      <c r="AJ47" s="707"/>
      <c r="AK47" s="28"/>
      <c r="AL47" s="33" t="s">
        <v>551</v>
      </c>
      <c r="AM47" s="33" t="s">
        <v>565</v>
      </c>
      <c r="AN47" s="33" t="s">
        <v>566</v>
      </c>
      <c r="AO47" s="33" t="s">
        <v>562</v>
      </c>
      <c r="AP47" s="33" t="s">
        <v>567</v>
      </c>
      <c r="AQ47" s="33" t="s">
        <v>568</v>
      </c>
      <c r="AR47" s="33" t="s">
        <v>555</v>
      </c>
      <c r="AS47" s="33" t="s">
        <v>556</v>
      </c>
      <c r="AT47" s="33" t="s">
        <v>569</v>
      </c>
      <c r="AU47" s="33" t="s">
        <v>558</v>
      </c>
      <c r="AV47" s="33"/>
      <c r="AW47" s="33"/>
      <c r="AX47" s="33"/>
    </row>
    <row r="48" spans="1:50" ht="18" customHeight="1" x14ac:dyDescent="0.2">
      <c r="A48" s="513" t="s">
        <v>89</v>
      </c>
      <c r="B48" s="514"/>
      <c r="C48" s="514"/>
      <c r="D48" s="685"/>
      <c r="E48" s="686"/>
      <c r="F48" s="686"/>
      <c r="G48" s="686"/>
      <c r="H48" s="686"/>
      <c r="I48" s="686"/>
      <c r="J48" s="686"/>
      <c r="K48" s="686"/>
      <c r="L48" s="686"/>
      <c r="M48" s="686"/>
      <c r="N48" s="271" t="s">
        <v>373</v>
      </c>
      <c r="O48" s="686"/>
      <c r="P48" s="686"/>
      <c r="Q48" s="686"/>
      <c r="R48" s="686"/>
      <c r="S48" s="686"/>
      <c r="T48" s="686"/>
      <c r="U48" s="271" t="s">
        <v>373</v>
      </c>
      <c r="V48" s="686"/>
      <c r="W48" s="686"/>
      <c r="X48" s="686"/>
      <c r="Y48" s="686"/>
      <c r="Z48" s="686"/>
      <c r="AA48" s="271" t="s">
        <v>373</v>
      </c>
      <c r="AB48" s="686"/>
      <c r="AC48" s="686"/>
      <c r="AD48" s="686"/>
      <c r="AE48" s="686"/>
      <c r="AF48" s="686"/>
      <c r="AG48" s="687"/>
      <c r="AH48" s="273"/>
      <c r="AI48" s="273"/>
      <c r="AJ48" s="37"/>
      <c r="AK48" s="107"/>
      <c r="AL48" s="33" t="s">
        <v>570</v>
      </c>
      <c r="AM48" s="33" t="s">
        <v>566</v>
      </c>
      <c r="AN48" s="33" t="s">
        <v>359</v>
      </c>
      <c r="AO48" s="33" t="s">
        <v>563</v>
      </c>
      <c r="AP48" s="33" t="s">
        <v>568</v>
      </c>
      <c r="AQ48" s="33" t="s">
        <v>571</v>
      </c>
      <c r="AR48" s="33" t="s">
        <v>556</v>
      </c>
      <c r="AS48" s="33" t="s">
        <v>572</v>
      </c>
      <c r="AT48" s="33" t="s">
        <v>372</v>
      </c>
      <c r="AU48" s="33"/>
      <c r="AV48" s="33"/>
      <c r="AW48" s="33"/>
      <c r="AX48" s="33"/>
    </row>
    <row r="49" spans="1:52" ht="18" customHeight="1" x14ac:dyDescent="0.2">
      <c r="A49" s="515"/>
      <c r="B49" s="516"/>
      <c r="C49" s="516"/>
      <c r="D49" s="688"/>
      <c r="E49" s="680"/>
      <c r="F49" s="680"/>
      <c r="G49" s="680"/>
      <c r="H49" s="680"/>
      <c r="I49" s="272" t="s">
        <v>373</v>
      </c>
      <c r="J49" s="680"/>
      <c r="K49" s="680"/>
      <c r="L49" s="680"/>
      <c r="M49" s="680"/>
      <c r="N49" s="272" t="s">
        <v>373</v>
      </c>
      <c r="O49" s="680"/>
      <c r="P49" s="680"/>
      <c r="Q49" s="680"/>
      <c r="R49" s="680"/>
      <c r="S49" s="272" t="s">
        <v>373</v>
      </c>
      <c r="T49" s="680"/>
      <c r="U49" s="680"/>
      <c r="V49" s="680"/>
      <c r="W49" s="680"/>
      <c r="X49" s="272" t="s">
        <v>373</v>
      </c>
      <c r="Y49" s="680"/>
      <c r="Z49" s="680"/>
      <c r="AA49" s="680"/>
      <c r="AB49" s="680"/>
      <c r="AC49" s="272" t="s">
        <v>373</v>
      </c>
      <c r="AD49" s="680"/>
      <c r="AE49" s="680"/>
      <c r="AF49" s="680"/>
      <c r="AG49" s="272" t="s">
        <v>373</v>
      </c>
      <c r="AH49" s="505"/>
      <c r="AI49" s="506"/>
      <c r="AJ49" s="38"/>
      <c r="AK49" s="107"/>
      <c r="AL49" s="33" t="s">
        <v>347</v>
      </c>
      <c r="AM49" s="33" t="s">
        <v>562</v>
      </c>
      <c r="AN49" s="33" t="s">
        <v>573</v>
      </c>
      <c r="AO49" s="33" t="s">
        <v>574</v>
      </c>
      <c r="AP49" s="33" t="s">
        <v>575</v>
      </c>
      <c r="AQ49" s="33" t="s">
        <v>576</v>
      </c>
      <c r="AR49" s="33" t="s">
        <v>557</v>
      </c>
      <c r="AS49" s="33" t="s">
        <v>385</v>
      </c>
      <c r="AT49" s="33"/>
      <c r="AU49" s="33"/>
      <c r="AV49" s="33"/>
      <c r="AW49" s="33"/>
      <c r="AX49" s="33"/>
    </row>
    <row r="50" spans="1:52" ht="18" customHeight="1" x14ac:dyDescent="0.2">
      <c r="A50" s="507" t="s">
        <v>577</v>
      </c>
      <c r="B50" s="508"/>
      <c r="C50" s="509"/>
      <c r="D50" s="681" t="s">
        <v>578</v>
      </c>
      <c r="E50" s="682"/>
      <c r="F50" s="242" t="s">
        <v>579</v>
      </c>
      <c r="G50" s="512"/>
      <c r="H50" s="512"/>
      <c r="I50" s="512"/>
      <c r="J50" s="512"/>
      <c r="K50" s="512"/>
      <c r="L50" s="512"/>
      <c r="M50" s="512"/>
      <c r="N50" s="512"/>
      <c r="O50" s="512"/>
      <c r="P50" s="512"/>
      <c r="Q50" s="512"/>
      <c r="R50" s="512"/>
      <c r="S50" s="512"/>
      <c r="T50" s="512"/>
      <c r="U50" s="512"/>
      <c r="V50" s="512"/>
      <c r="W50" s="512"/>
      <c r="X50" s="512"/>
      <c r="Y50" s="512"/>
      <c r="Z50" s="512"/>
      <c r="AA50" s="512"/>
      <c r="AB50" s="512"/>
      <c r="AC50" s="512"/>
      <c r="AD50" s="512"/>
      <c r="AE50" s="512"/>
      <c r="AF50" s="512"/>
      <c r="AG50" s="512"/>
      <c r="AH50" s="512"/>
      <c r="AI50" s="512"/>
      <c r="AJ50" s="54" t="s">
        <v>509</v>
      </c>
      <c r="AK50" s="107"/>
      <c r="AL50" s="33"/>
      <c r="AM50" s="33"/>
      <c r="AN50" s="33"/>
      <c r="AO50" s="33"/>
      <c r="AP50" s="33"/>
      <c r="AQ50" s="33"/>
      <c r="AR50" s="33"/>
      <c r="AS50" s="33"/>
      <c r="AT50" s="33"/>
      <c r="AU50" s="33"/>
      <c r="AV50" s="33"/>
      <c r="AW50" s="33"/>
      <c r="AX50" s="33"/>
    </row>
    <row r="51" spans="1:52" ht="18" customHeight="1" x14ac:dyDescent="0.2">
      <c r="A51" s="683" t="s">
        <v>90</v>
      </c>
      <c r="B51" s="684"/>
      <c r="C51" s="684"/>
      <c r="D51" s="684"/>
      <c r="E51" s="684"/>
      <c r="F51" s="684"/>
      <c r="G51" s="684"/>
      <c r="H51" s="684"/>
      <c r="I51" s="684"/>
      <c r="J51" s="684"/>
      <c r="K51" s="684"/>
      <c r="L51" s="684"/>
      <c r="M51" s="684"/>
      <c r="N51" s="107"/>
      <c r="O51" s="107"/>
      <c r="P51" s="107"/>
      <c r="Q51" s="107"/>
      <c r="R51" s="107"/>
      <c r="S51" s="107"/>
      <c r="T51" s="107"/>
      <c r="U51" s="107"/>
      <c r="V51" s="107"/>
      <c r="W51" s="107"/>
      <c r="X51" s="107"/>
      <c r="Y51" s="107"/>
      <c r="Z51" s="107"/>
      <c r="AA51" s="107"/>
      <c r="AB51" s="107"/>
      <c r="AC51" s="107"/>
      <c r="AD51" s="107"/>
      <c r="AE51" s="107"/>
      <c r="AF51" s="107"/>
      <c r="AG51" s="107"/>
      <c r="AH51" s="107"/>
      <c r="AI51" s="107"/>
      <c r="AJ51" s="52"/>
      <c r="AL51" s="33" t="s">
        <v>389</v>
      </c>
      <c r="AM51" s="33" t="s">
        <v>573</v>
      </c>
      <c r="AN51" s="33" t="s">
        <v>574</v>
      </c>
      <c r="AO51" s="33" t="s">
        <v>555</v>
      </c>
      <c r="AP51" s="33" t="s">
        <v>580</v>
      </c>
      <c r="AQ51" s="33" t="s">
        <v>581</v>
      </c>
      <c r="AR51" s="33" t="s">
        <v>582</v>
      </c>
      <c r="AS51" s="33"/>
      <c r="AT51" s="33"/>
      <c r="AU51" s="33"/>
      <c r="AV51" s="33"/>
      <c r="AW51" s="33"/>
      <c r="AX51" s="33"/>
    </row>
    <row r="52" spans="1:52" ht="18" customHeight="1" x14ac:dyDescent="0.2">
      <c r="A52" s="670" t="s">
        <v>583</v>
      </c>
      <c r="B52" s="671"/>
      <c r="C52" s="671"/>
      <c r="D52" s="671"/>
      <c r="E52" s="671"/>
      <c r="F52" s="671"/>
      <c r="G52" s="671"/>
      <c r="H52" s="671"/>
      <c r="I52" s="671"/>
      <c r="J52" s="671"/>
      <c r="K52" s="671"/>
      <c r="L52" s="671"/>
      <c r="M52" s="671"/>
      <c r="N52" s="671"/>
      <c r="O52" s="671"/>
      <c r="P52" s="671"/>
      <c r="Q52" s="671"/>
      <c r="R52" s="671"/>
      <c r="S52" s="671"/>
      <c r="T52" s="671"/>
      <c r="U52" s="671"/>
      <c r="V52" s="671"/>
      <c r="W52" s="671"/>
      <c r="X52" s="671"/>
      <c r="Y52" s="671"/>
      <c r="Z52" s="671"/>
      <c r="AA52" s="671"/>
      <c r="AB52" s="671"/>
      <c r="AC52" s="671"/>
      <c r="AD52" s="671"/>
      <c r="AE52" s="671"/>
      <c r="AF52" s="671"/>
      <c r="AG52" s="671"/>
      <c r="AH52" s="671"/>
      <c r="AI52" s="671"/>
      <c r="AJ52" s="672"/>
      <c r="AL52" s="33" t="s">
        <v>567</v>
      </c>
      <c r="AM52" s="33" t="s">
        <v>584</v>
      </c>
      <c r="AN52" s="33" t="s">
        <v>571</v>
      </c>
      <c r="AO52" s="33" t="s">
        <v>576</v>
      </c>
      <c r="AP52" s="33" t="s">
        <v>581</v>
      </c>
      <c r="AQ52" s="33" t="s">
        <v>582</v>
      </c>
      <c r="AR52" s="33"/>
    </row>
    <row r="53" spans="1:52" ht="18" customHeight="1" thickBot="1" x14ac:dyDescent="0.25">
      <c r="A53" s="673"/>
      <c r="B53" s="674"/>
      <c r="C53" s="674"/>
      <c r="D53" s="674"/>
      <c r="E53" s="674"/>
      <c r="F53" s="674"/>
      <c r="G53" s="674"/>
      <c r="H53" s="674"/>
      <c r="I53" s="674"/>
      <c r="J53" s="674"/>
      <c r="K53" s="674"/>
      <c r="L53" s="674"/>
      <c r="M53" s="674"/>
      <c r="N53" s="674"/>
      <c r="O53" s="674"/>
      <c r="P53" s="674"/>
      <c r="Q53" s="674"/>
      <c r="R53" s="674"/>
      <c r="S53" s="674"/>
      <c r="T53" s="674"/>
      <c r="U53" s="674"/>
      <c r="V53" s="674"/>
      <c r="W53" s="674"/>
      <c r="X53" s="674"/>
      <c r="Y53" s="674"/>
      <c r="Z53" s="674"/>
      <c r="AA53" s="674"/>
      <c r="AB53" s="674"/>
      <c r="AC53" s="674"/>
      <c r="AD53" s="674"/>
      <c r="AE53" s="674"/>
      <c r="AF53" s="674"/>
      <c r="AG53" s="674"/>
      <c r="AH53" s="674"/>
      <c r="AI53" s="674"/>
      <c r="AJ53" s="675"/>
      <c r="AL53" s="33" t="s">
        <v>584</v>
      </c>
      <c r="AM53" s="33" t="s">
        <v>575</v>
      </c>
      <c r="AN53" s="33" t="s">
        <v>576</v>
      </c>
      <c r="AO53" s="33" t="s">
        <v>585</v>
      </c>
      <c r="AP53" s="33" t="s">
        <v>385</v>
      </c>
      <c r="AQ53" s="33"/>
      <c r="AR53" s="33"/>
    </row>
    <row r="54" spans="1:52" ht="18" customHeight="1" x14ac:dyDescent="0.2">
      <c r="AL54" s="33" t="s">
        <v>571</v>
      </c>
      <c r="AM54" s="33" t="s">
        <v>576</v>
      </c>
      <c r="AN54" s="33" t="s">
        <v>581</v>
      </c>
      <c r="AO54" s="33" t="s">
        <v>385</v>
      </c>
      <c r="AP54" s="33"/>
      <c r="AQ54" s="33"/>
      <c r="AR54" s="33"/>
    </row>
    <row r="55" spans="1:52" ht="18" customHeight="1" x14ac:dyDescent="0.2">
      <c r="AL55" s="33" t="s">
        <v>556</v>
      </c>
      <c r="AM55" s="33" t="s">
        <v>557</v>
      </c>
      <c r="AN55" s="33" t="s">
        <v>385</v>
      </c>
      <c r="AO55" s="33"/>
      <c r="AP55" s="33"/>
      <c r="AQ55" s="33"/>
      <c r="AR55" s="33"/>
    </row>
    <row r="56" spans="1:52" ht="17.25" customHeight="1" x14ac:dyDescent="0.2">
      <c r="AL56" s="33" t="s">
        <v>581</v>
      </c>
      <c r="AM56" s="33" t="s">
        <v>582</v>
      </c>
      <c r="AN56" s="33"/>
      <c r="AO56" s="33"/>
      <c r="AP56" s="33"/>
      <c r="AQ56" s="33"/>
      <c r="AR56" s="33"/>
    </row>
    <row r="57" spans="1:52" ht="17.25" customHeight="1" x14ac:dyDescent="0.2">
      <c r="AL57" s="33" t="s">
        <v>558</v>
      </c>
      <c r="AM57" s="33"/>
      <c r="AN57" s="33"/>
      <c r="AO57" s="33"/>
      <c r="AP57" s="33"/>
      <c r="AQ57" s="33"/>
      <c r="AR57" s="33"/>
    </row>
    <row r="58" spans="1:52" ht="17.25" customHeight="1" x14ac:dyDescent="0.2">
      <c r="AL58" s="33" t="s">
        <v>586</v>
      </c>
      <c r="AM58" s="33" t="s">
        <v>403</v>
      </c>
      <c r="AN58" s="33" t="s">
        <v>404</v>
      </c>
      <c r="AO58" s="33" t="s">
        <v>405</v>
      </c>
      <c r="AP58" s="33" t="s">
        <v>587</v>
      </c>
      <c r="AQ58" s="33"/>
      <c r="AR58" s="33"/>
    </row>
    <row r="59" spans="1:52" ht="17.25" customHeight="1" x14ac:dyDescent="0.2">
      <c r="AK59" s="26"/>
      <c r="AL59" s="33" t="s">
        <v>78</v>
      </c>
      <c r="AM59" s="33" t="s">
        <v>407</v>
      </c>
      <c r="AN59" s="33" t="s">
        <v>588</v>
      </c>
      <c r="AO59" s="33"/>
      <c r="AP59" s="33"/>
      <c r="AQ59" s="33"/>
      <c r="AR59" s="33"/>
    </row>
    <row r="60" spans="1:52" ht="17.25" customHeight="1" x14ac:dyDescent="0.2">
      <c r="AL60" s="33" t="s">
        <v>589</v>
      </c>
      <c r="AM60" s="274"/>
      <c r="AN60" s="33" t="s">
        <v>590</v>
      </c>
      <c r="AO60" s="33"/>
      <c r="AP60" s="33" t="s">
        <v>591</v>
      </c>
      <c r="AQ60" s="33"/>
      <c r="AR60" s="33" t="s">
        <v>592</v>
      </c>
      <c r="AT60" s="33" t="s">
        <v>593</v>
      </c>
      <c r="AU60" s="33"/>
      <c r="AV60" s="33" t="s">
        <v>594</v>
      </c>
      <c r="AW60" s="33"/>
      <c r="AX60" s="33" t="s">
        <v>595</v>
      </c>
      <c r="AY60" s="33"/>
      <c r="AZ60" s="33" t="s">
        <v>596</v>
      </c>
    </row>
    <row r="61" spans="1:52" ht="17.25" customHeight="1" x14ac:dyDescent="0.2">
      <c r="AL61" s="33" t="s">
        <v>417</v>
      </c>
      <c r="AM61" s="33" t="s">
        <v>418</v>
      </c>
      <c r="AN61" s="33" t="s">
        <v>419</v>
      </c>
      <c r="AO61" s="33"/>
      <c r="AP61" s="33"/>
      <c r="AQ61" s="33"/>
      <c r="AR61" s="33"/>
    </row>
    <row r="62" spans="1:52" ht="17.25" customHeight="1" x14ac:dyDescent="0.2">
      <c r="AL62" s="33" t="s">
        <v>418</v>
      </c>
      <c r="AM62" s="33" t="s">
        <v>419</v>
      </c>
      <c r="AN62" s="33"/>
      <c r="AO62" s="33"/>
      <c r="AP62" s="33"/>
      <c r="AQ62" s="33"/>
      <c r="AR62" s="33"/>
    </row>
    <row r="63" spans="1:52" ht="17.25" customHeight="1" x14ac:dyDescent="0.2">
      <c r="AL63" s="33" t="s">
        <v>419</v>
      </c>
      <c r="AM63" s="33"/>
      <c r="AN63" s="33"/>
      <c r="AO63" s="33"/>
      <c r="AP63" s="33"/>
      <c r="AQ63" s="33"/>
      <c r="AR63" s="33"/>
    </row>
    <row r="64" spans="1:52" ht="17.25" customHeight="1" x14ac:dyDescent="0.2">
      <c r="AL64" s="33" t="s">
        <v>206</v>
      </c>
      <c r="AM64" s="33" t="s">
        <v>420</v>
      </c>
      <c r="AN64" s="33" t="s">
        <v>421</v>
      </c>
      <c r="AO64" s="33" t="s">
        <v>422</v>
      </c>
      <c r="AP64" s="33"/>
      <c r="AQ64" s="33"/>
      <c r="AR64" s="33"/>
    </row>
    <row r="65" spans="38:45" ht="17.25" customHeight="1" x14ac:dyDescent="0.2">
      <c r="AL65" s="275" t="s">
        <v>597</v>
      </c>
      <c r="AM65" s="33"/>
      <c r="AN65" s="33"/>
      <c r="AO65" s="33"/>
      <c r="AP65" s="33"/>
      <c r="AQ65" s="33"/>
      <c r="AR65" s="33"/>
    </row>
    <row r="66" spans="38:45" ht="17.25" customHeight="1" x14ac:dyDescent="0.2">
      <c r="AL66" s="33" t="s">
        <v>424</v>
      </c>
      <c r="AM66" s="33" t="s">
        <v>598</v>
      </c>
      <c r="AN66" s="33" t="s">
        <v>599</v>
      </c>
    </row>
    <row r="67" spans="38:45" ht="17.25" customHeight="1" x14ac:dyDescent="0.2">
      <c r="AL67" s="276" t="s">
        <v>600</v>
      </c>
      <c r="AM67" s="277"/>
      <c r="AN67" s="277"/>
      <c r="AO67" s="277"/>
      <c r="AP67" s="276" t="s">
        <v>188</v>
      </c>
      <c r="AQ67" s="276"/>
      <c r="AR67" s="276" t="s">
        <v>601</v>
      </c>
      <c r="AS67" s="33"/>
    </row>
  </sheetData>
  <mergeCells count="181">
    <mergeCell ref="N1:W1"/>
    <mergeCell ref="A3:J3"/>
    <mergeCell ref="K3:L3"/>
    <mergeCell ref="R3:T3"/>
    <mergeCell ref="U3:AJ3"/>
    <mergeCell ref="A4:J4"/>
    <mergeCell ref="K4:L4"/>
    <mergeCell ref="R4:T4"/>
    <mergeCell ref="U4:Z4"/>
    <mergeCell ref="AA4:AC4"/>
    <mergeCell ref="AD4:AJ4"/>
    <mergeCell ref="R5:T5"/>
    <mergeCell ref="U5:Z5"/>
    <mergeCell ref="AA5:AC5"/>
    <mergeCell ref="AD5:AJ5"/>
    <mergeCell ref="X6:Y6"/>
    <mergeCell ref="Z6:AA6"/>
    <mergeCell ref="AC6:AD6"/>
    <mergeCell ref="AF6:AG6"/>
    <mergeCell ref="AC8:AD8"/>
    <mergeCell ref="AF8:AG8"/>
    <mergeCell ref="A9:E9"/>
    <mergeCell ref="F9:K10"/>
    <mergeCell ref="M9:N9"/>
    <mergeCell ref="W9:W10"/>
    <mergeCell ref="X9:AJ10"/>
    <mergeCell ref="A10:E10"/>
    <mergeCell ref="M10:N10"/>
    <mergeCell ref="C8:D8"/>
    <mergeCell ref="E8:F8"/>
    <mergeCell ref="H8:I8"/>
    <mergeCell ref="K8:L8"/>
    <mergeCell ref="X8:Y8"/>
    <mergeCell ref="Z8:AA8"/>
    <mergeCell ref="H15:L15"/>
    <mergeCell ref="P15:V15"/>
    <mergeCell ref="C18:V18"/>
    <mergeCell ref="A11:E13"/>
    <mergeCell ref="G11:J11"/>
    <mergeCell ref="O11:R11"/>
    <mergeCell ref="W11:W12"/>
    <mergeCell ref="X11:AJ12"/>
    <mergeCell ref="H12:N12"/>
    <mergeCell ref="Q12:V12"/>
    <mergeCell ref="G13:N13"/>
    <mergeCell ref="P13:V13"/>
    <mergeCell ref="W13:W20"/>
    <mergeCell ref="J14:V14"/>
    <mergeCell ref="F14:I14"/>
    <mergeCell ref="A21:E22"/>
    <mergeCell ref="F21:G21"/>
    <mergeCell ref="M21:N21"/>
    <mergeCell ref="W21:W26"/>
    <mergeCell ref="F22:G22"/>
    <mergeCell ref="M22:N22"/>
    <mergeCell ref="R22:V22"/>
    <mergeCell ref="A23:E24"/>
    <mergeCell ref="A25:E25"/>
    <mergeCell ref="A26:E26"/>
    <mergeCell ref="F26:H26"/>
    <mergeCell ref="I26:J26"/>
    <mergeCell ref="L26:M26"/>
    <mergeCell ref="P26:Q26"/>
    <mergeCell ref="T26:U26"/>
    <mergeCell ref="A29:A32"/>
    <mergeCell ref="B29:C29"/>
    <mergeCell ref="D29:H29"/>
    <mergeCell ref="M29:N29"/>
    <mergeCell ref="S29:S33"/>
    <mergeCell ref="B32:C32"/>
    <mergeCell ref="D32:H32"/>
    <mergeCell ref="N32:R32"/>
    <mergeCell ref="T32:T33"/>
    <mergeCell ref="U32:W32"/>
    <mergeCell ref="X32:AB32"/>
    <mergeCell ref="X33:AB33"/>
    <mergeCell ref="AC30:AE30"/>
    <mergeCell ref="AF30:AJ30"/>
    <mergeCell ref="F31:G31"/>
    <mergeCell ref="U31:W31"/>
    <mergeCell ref="X31:AB31"/>
    <mergeCell ref="AC31:AE31"/>
    <mergeCell ref="AF31:AJ31"/>
    <mergeCell ref="T29:T31"/>
    <mergeCell ref="U29:W29"/>
    <mergeCell ref="X29:AB29"/>
    <mergeCell ref="AC29:AE29"/>
    <mergeCell ref="AF29:AJ29"/>
    <mergeCell ref="B30:C31"/>
    <mergeCell ref="F30:I30"/>
    <mergeCell ref="L30:P30"/>
    <mergeCell ref="U30:W30"/>
    <mergeCell ref="X30:AB30"/>
    <mergeCell ref="A33:A35"/>
    <mergeCell ref="B33:C33"/>
    <mergeCell ref="D33:H33"/>
    <mergeCell ref="J33:K33"/>
    <mergeCell ref="L33:P33"/>
    <mergeCell ref="U33:W33"/>
    <mergeCell ref="E35:H35"/>
    <mergeCell ref="L35:O35"/>
    <mergeCell ref="S35:T35"/>
    <mergeCell ref="U35:X35"/>
    <mergeCell ref="AC33:AD33"/>
    <mergeCell ref="AE33:AJ33"/>
    <mergeCell ref="B34:C34"/>
    <mergeCell ref="D34:E34"/>
    <mergeCell ref="J34:L34"/>
    <mergeCell ref="S34:T34"/>
    <mergeCell ref="U34:Y34"/>
    <mergeCell ref="AC34:AD34"/>
    <mergeCell ref="AE34:AI34"/>
    <mergeCell ref="AB35:AC35"/>
    <mergeCell ref="AE35:AI35"/>
    <mergeCell ref="B36:C36"/>
    <mergeCell ref="E36:I36"/>
    <mergeCell ref="N36:Q36"/>
    <mergeCell ref="S36:T42"/>
    <mergeCell ref="AA36:AG36"/>
    <mergeCell ref="H39:K39"/>
    <mergeCell ref="AA39:AG39"/>
    <mergeCell ref="B40:C40"/>
    <mergeCell ref="H40:K40"/>
    <mergeCell ref="V40:Z40"/>
    <mergeCell ref="AD40:AG40"/>
    <mergeCell ref="A41:C41"/>
    <mergeCell ref="D41:G41"/>
    <mergeCell ref="Z41:AA41"/>
    <mergeCell ref="A37:A40"/>
    <mergeCell ref="B37:C37"/>
    <mergeCell ref="E37:I37"/>
    <mergeCell ref="N37:Q37"/>
    <mergeCell ref="AC37:AI37"/>
    <mergeCell ref="B38:C38"/>
    <mergeCell ref="E38:I38"/>
    <mergeCell ref="M38:Q38"/>
    <mergeCell ref="AA38:AG38"/>
    <mergeCell ref="B39:C39"/>
    <mergeCell ref="A42:C42"/>
    <mergeCell ref="I42:Q42"/>
    <mergeCell ref="V42:Y42"/>
    <mergeCell ref="AD42:AG42"/>
    <mergeCell ref="A43:C43"/>
    <mergeCell ref="I43:Q43"/>
    <mergeCell ref="S43:U43"/>
    <mergeCell ref="V43:Y43"/>
    <mergeCell ref="AE43:AI43"/>
    <mergeCell ref="Y49:AB49"/>
    <mergeCell ref="A44:E44"/>
    <mergeCell ref="F44:J44"/>
    <mergeCell ref="L44:Q44"/>
    <mergeCell ref="S44:U44"/>
    <mergeCell ref="V44:AA44"/>
    <mergeCell ref="A45:C47"/>
    <mergeCell ref="D45:R47"/>
    <mergeCell ref="S45:U47"/>
    <mergeCell ref="V45:AJ47"/>
    <mergeCell ref="C19:V19"/>
    <mergeCell ref="C20:V20"/>
    <mergeCell ref="A14:E17"/>
    <mergeCell ref="A52:AJ53"/>
    <mergeCell ref="F16:I16"/>
    <mergeCell ref="J16:V16"/>
    <mergeCell ref="H17:L17"/>
    <mergeCell ref="P17:V17"/>
    <mergeCell ref="A18:B20"/>
    <mergeCell ref="AD49:AF49"/>
    <mergeCell ref="AH49:AI49"/>
    <mergeCell ref="A50:C50"/>
    <mergeCell ref="D50:E50"/>
    <mergeCell ref="G50:AI50"/>
    <mergeCell ref="A51:M51"/>
    <mergeCell ref="A48:C49"/>
    <mergeCell ref="D48:M48"/>
    <mergeCell ref="O48:T48"/>
    <mergeCell ref="V48:Z48"/>
    <mergeCell ref="AB48:AG48"/>
    <mergeCell ref="D49:H49"/>
    <mergeCell ref="J49:M49"/>
    <mergeCell ref="O49:R49"/>
    <mergeCell ref="T49:W49"/>
  </mergeCells>
  <phoneticPr fontId="2"/>
  <dataValidations count="48">
    <dataValidation type="list" allowBlank="1" showInputMessage="1" showErrorMessage="1" sqref="I22">
      <formula1>$AK$23:$AP$23</formula1>
    </dataValidation>
    <dataValidation type="list" allowBlank="1" showInputMessage="1" showErrorMessage="1" sqref="F22:G22">
      <formula1>$AN$21:$AP$21</formula1>
    </dataValidation>
    <dataValidation type="list" allowBlank="1" showInputMessage="1" showErrorMessage="1" sqref="D50:E50">
      <formula1>$AK$66:$AN$66</formula1>
    </dataValidation>
    <dataValidation type="list" allowBlank="1" showInputMessage="1" showErrorMessage="1" sqref="J34">
      <formula1>$AK$30:$AN$30</formula1>
    </dataValidation>
    <dataValidation type="list" allowBlank="1" showInputMessage="1" showErrorMessage="1" sqref="F30:I30">
      <formula1>$AK$26:$AO$26</formula1>
    </dataValidation>
    <dataValidation type="list" allowBlank="1" showInputMessage="1" showErrorMessage="1" sqref="M29:N29">
      <formula1>$AK$23:$AQ$23</formula1>
    </dataValidation>
    <dataValidation type="list" allowBlank="1" showInputMessage="1" showErrorMessage="1" sqref="L30:P30">
      <formula1>$AK$27:$AQ$27</formula1>
    </dataValidation>
    <dataValidation type="list" allowBlank="1" showInputMessage="1" showErrorMessage="1" sqref="D32:H32">
      <formula1>$AK$28:$AP$28</formula1>
    </dataValidation>
    <dataValidation type="list" allowBlank="1" showInputMessage="1" showErrorMessage="1" sqref="N32:R32">
      <formula1>$AK$29:$AN$29</formula1>
    </dataValidation>
    <dataValidation type="list" allowBlank="1" showInputMessage="1" showErrorMessage="1" sqref="N36:Q36">
      <formula1>$AK$32:$AN$32</formula1>
    </dataValidation>
    <dataValidation type="list" allowBlank="1" showInputMessage="1" showErrorMessage="1" sqref="E37:I37">
      <formula1>$AK$33:$AM$33</formula1>
    </dataValidation>
    <dataValidation type="list" allowBlank="1" showInputMessage="1" showErrorMessage="1" sqref="N37:Q37">
      <formula1>$AK$34:$AM$34</formula1>
    </dataValidation>
    <dataValidation type="list" allowBlank="1" showInputMessage="1" showErrorMessage="1" sqref="E38:I38">
      <formula1>$AK$35:$AM$35</formula1>
    </dataValidation>
    <dataValidation type="list" allowBlank="1" showInputMessage="1" showErrorMessage="1" sqref="V42:Y42">
      <formula1>$AK$44:$AN$44</formula1>
    </dataValidation>
    <dataValidation type="list" allowBlank="1" showInputMessage="1" showErrorMessage="1" sqref="V40:Z40">
      <formula1>$AK$42:$AR$42</formula1>
    </dataValidation>
    <dataValidation type="list" allowBlank="1" showInputMessage="1" showErrorMessage="1" sqref="AA39:AG39">
      <formula1>$AK$41:$AR$41</formula1>
    </dataValidation>
    <dataValidation type="list" allowBlank="1" showInputMessage="1" showErrorMessage="1" sqref="AH49:AI49">
      <formula1>$AK$57:$AL$57</formula1>
    </dataValidation>
    <dataValidation type="list" allowBlank="1" showInputMessage="1" showErrorMessage="1" sqref="AD49:AF49">
      <formula1>$AK$56:$AM$56</formula1>
    </dataValidation>
    <dataValidation type="list" allowBlank="1" showInputMessage="1" showErrorMessage="1" sqref="Y49:AB49">
      <formula1>$AK$55:$AN$55</formula1>
    </dataValidation>
    <dataValidation type="list" allowBlank="1" showInputMessage="1" showErrorMessage="1" sqref="T49:W49">
      <formula1>$AK$54:$AO$54</formula1>
    </dataValidation>
    <dataValidation type="list" allowBlank="1" showInputMessage="1" showErrorMessage="1" sqref="O49:R49">
      <formula1>$AK$53:$AP$53</formula1>
    </dataValidation>
    <dataValidation type="list" allowBlank="1" showInputMessage="1" showErrorMessage="1" sqref="J49:M49">
      <formula1>$AK$52:$AQ$52</formula1>
    </dataValidation>
    <dataValidation type="list" allowBlank="1" showInputMessage="1" showErrorMessage="1" sqref="D49:H49">
      <formula1>$AK$51:$AR$51</formula1>
    </dataValidation>
    <dataValidation type="list" allowBlank="1" showInputMessage="1" showErrorMessage="1" sqref="AB48:AG48">
      <formula1>$AK$49:$AS$49</formula1>
    </dataValidation>
    <dataValidation type="list" allowBlank="1" showInputMessage="1" showErrorMessage="1" sqref="V48:Z48">
      <formula1>$AK$48:$AT$48</formula1>
    </dataValidation>
    <dataValidation type="list" allowBlank="1" showInputMessage="1" showErrorMessage="1" sqref="O48:T48">
      <formula1>$AK$47:$AU$47</formula1>
    </dataValidation>
    <dataValidation type="list" allowBlank="1" showInputMessage="1" showErrorMessage="1" sqref="D48:M48">
      <formula1>$AK$45:$AW$45</formula1>
    </dataValidation>
    <dataValidation type="list" allowBlank="1" showInputMessage="1" showErrorMessage="1" sqref="O9">
      <formula1>$AL$9:$AP$9</formula1>
    </dataValidation>
    <dataValidation type="list" allowBlank="1" showInputMessage="1" showErrorMessage="1" sqref="L33:P33 D29:H29 D33:H33 E36:I36 U34:Y34 AE34:AI34 X29:AB32 AF29:AJ31 D41:G41">
      <formula1>$AK$25:$AO$25</formula1>
    </dataValidation>
    <dataValidation type="list" allowBlank="1" showInputMessage="1" showErrorMessage="1" sqref="X33:AB33">
      <formula1>$AK$38:$AQ$38</formula1>
    </dataValidation>
    <dataValidation type="list" allowBlank="1" showInputMessage="1" showErrorMessage="1" sqref="AE33:AJ33">
      <formula1>$AK$39:$AR$39</formula1>
    </dataValidation>
    <dataValidation type="list" allowBlank="1" showInputMessage="1" showErrorMessage="1" sqref="V44:AB44">
      <formula1>$AK$58:$AP$58</formula1>
    </dataValidation>
    <dataValidation type="list" allowBlank="1" showInputMessage="1" showErrorMessage="1" sqref="U35:X35">
      <formula1>$AK$40:$AM$40</formula1>
    </dataValidation>
    <dataValidation type="list" allowBlank="1" showInputMessage="1" showErrorMessage="1" sqref="F44:J44">
      <formula1>$AK$43:$AO$43</formula1>
    </dataValidation>
    <dataValidation type="list" allowBlank="1" showInputMessage="1" showErrorMessage="1" sqref="V43:Y43">
      <formula1>$AK$59:$AN$59</formula1>
    </dataValidation>
    <dataValidation type="list" allowBlank="1" showInputMessage="1" showErrorMessage="1" sqref="Y41:AA41">
      <formula1>$AK$60:$AL$60</formula1>
    </dataValidation>
    <dataValidation type="list" allowBlank="1" showInputMessage="1" showErrorMessage="1" sqref="AB41">
      <formula1>$AM$60:$AN$60</formula1>
    </dataValidation>
    <dataValidation type="list" allowBlank="1" showInputMessage="1" showErrorMessage="1" sqref="AC41">
      <formula1>$AO$60:$AP$60</formula1>
    </dataValidation>
    <dataValidation type="list" allowBlank="1" showInputMessage="1" showErrorMessage="1" sqref="I26:J26">
      <formula1>$AK$64:$AO$64</formula1>
    </dataValidation>
    <dataValidation type="list" allowBlank="1" showInputMessage="1" showErrorMessage="1" sqref="AD41">
      <formula1>$AQ$60:$AR$60</formula1>
    </dataValidation>
    <dataValidation type="list" allowBlank="1" showInputMessage="1" showErrorMessage="1" sqref="AE41">
      <formula1>$AS$60:$AT$60</formula1>
    </dataValidation>
    <dataValidation type="list" allowBlank="1" showInputMessage="1" showErrorMessage="1" sqref="AF41">
      <formula1>$AU$60:$AV$60</formula1>
    </dataValidation>
    <dataValidation type="list" allowBlank="1" showInputMessage="1" showErrorMessage="1" sqref="AG41">
      <formula1>$AW$60:$AX$60</formula1>
    </dataValidation>
    <dataValidation type="list" allowBlank="1" showInputMessage="1" showErrorMessage="1" sqref="AH41">
      <formula1>$AY$60:$AZ$60</formula1>
    </dataValidation>
    <dataValidation type="list" allowBlank="1" showInputMessage="1" showErrorMessage="1" sqref="P39:P40 M41 Q41 N26 R26 V26 F25 P21 F31:G31 D34:E34 J41 E42:E43 X36 Z37 X38:X39 X41 AB35:AC35">
      <formula1>$AK$24:$AM$24</formula1>
    </dataValidation>
    <dataValidation type="list" allowBlank="1" showInputMessage="1" showErrorMessage="1" sqref="H39:K40">
      <formula1>$AK$36:$AN$36</formula1>
    </dataValidation>
    <dataValidation type="list" allowBlank="1" showInputMessage="1" showErrorMessage="1" sqref="L35:O35 E35:H35">
      <formula1>$AK$31:$AP$31</formula1>
    </dataValidation>
    <dataValidation type="list" allowBlank="1" showInputMessage="1" showErrorMessage="1" sqref="I49 S49 X49 AC49 AG49 U48 AA48 N48:N49">
      <formula1>$AK$65:$AL$65</formula1>
    </dataValidation>
  </dataValidations>
  <printOptions horizontalCentered="1" verticalCentered="1"/>
  <pageMargins left="0.11811023622047245" right="0" top="0.19685039370078741" bottom="0.19685039370078741" header="0.51181102362204722" footer="0.31496062992125984"/>
  <pageSetup paperSize="9" scale="93" orientation="portrait" cellComments="asDisplayed" r:id="rId1"/>
  <headerFooter>
    <oddFooter>&amp;L&amp;"MS UI Gothic,標準"&amp;12&amp;Y　　※基本情報は、利用者本人及び家族の同意に基づき提供しています。</oddFooter>
  </headerFooter>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原本（手書き用）</vt:lpstr>
      <vt:lpstr>原本（PC入力用）</vt:lpstr>
      <vt:lpstr>原本（PC入力用記入例）</vt:lpstr>
      <vt:lpstr>'原本（PC入力用）'!Print_Area</vt:lpstr>
      <vt:lpstr>'原本（PC入力用記入例）'!Print_Area</vt:lpstr>
      <vt:lpstr>'原本（手書き用）'!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企画調整課</cp:lastModifiedBy>
  <cp:lastPrinted>2020-04-27T09:33:52Z</cp:lastPrinted>
  <dcterms:created xsi:type="dcterms:W3CDTF">2019-01-29T04:54:43Z</dcterms:created>
  <dcterms:modified xsi:type="dcterms:W3CDTF">2020-04-27T09:42:16Z</dcterms:modified>
</cp:coreProperties>
</file>